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or77ncs3.london.ms.com\s82548\borsi\Desktop\"/>
    </mc:Choice>
  </mc:AlternateContent>
  <xr:revisionPtr revIDLastSave="0" documentId="8_{116ABC2D-7589-4C34-96EF-24DBC0B0250C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January" sheetId="1" r:id="rId1"/>
    <sheet name="February" sheetId="4" r:id="rId2"/>
    <sheet name="March" sheetId="5" r:id="rId3"/>
  </sheets>
  <definedNames>
    <definedName name="_xlnm._FilterDatabase" localSheetId="1" hidden="1">February!$A$1:$C$1</definedName>
    <definedName name="_xlnm._FilterDatabase" localSheetId="0" hidden="1">January!$A$1:$C$115</definedName>
    <definedName name="_xlnm._FilterDatabase" localSheetId="2" hidden="1">March!$A$1:$C$11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3" uniqueCount="151">
  <si>
    <t>Rate</t>
  </si>
  <si>
    <t>AMXO</t>
  </si>
  <si>
    <t>Marketing rebate on eligible non-penny trades</t>
  </si>
  <si>
    <t>-0.7</t>
  </si>
  <si>
    <t>Marketing rebate on eligible penny trades</t>
  </si>
  <si>
    <t>-0.25</t>
  </si>
  <si>
    <t>ARCO</t>
  </si>
  <si>
    <t>Customer non-penny complex order contra non-Customer</t>
  </si>
  <si>
    <t>-0.75</t>
  </si>
  <si>
    <t>Customer penny complex order contra non-Customer</t>
  </si>
  <si>
    <t>-0.39</t>
  </si>
  <si>
    <t>Priority Customer non-penny liquidity posting</t>
  </si>
  <si>
    <t>Priority Customer penny liquidity posting</t>
  </si>
  <si>
    <t>Professional Customer non-penny liquidity posting</t>
  </si>
  <si>
    <t>Professional Customer penny liquidity posting</t>
  </si>
  <si>
    <t>BATO</t>
  </si>
  <si>
    <t>-1.05</t>
  </si>
  <si>
    <t>-0.35</t>
  </si>
  <si>
    <t>-0.65</t>
  </si>
  <si>
    <t>C2OX</t>
  </si>
  <si>
    <t>-0.8</t>
  </si>
  <si>
    <t>Priority Customer non-penny liquidity posting complex</t>
  </si>
  <si>
    <t>-0.42</t>
  </si>
  <si>
    <t>Priority Customer penny liquidity posting complex</t>
  </si>
  <si>
    <t>-0.2</t>
  </si>
  <si>
    <t>Professional Customer non-penny liquidity posting complex</t>
  </si>
  <si>
    <t>-0.6</t>
  </si>
  <si>
    <t>-0.36</t>
  </si>
  <si>
    <t>EDGO</t>
  </si>
  <si>
    <t>-0.1</t>
  </si>
  <si>
    <t>-0.95</t>
  </si>
  <si>
    <t>-0.49</t>
  </si>
  <si>
    <t>-0.17</t>
  </si>
  <si>
    <t>-0.18</t>
  </si>
  <si>
    <t>Priority Customer non-penny Breakup Credit</t>
  </si>
  <si>
    <t>N/A</t>
  </si>
  <si>
    <t>-1.06</t>
  </si>
  <si>
    <t>Priority Customer penny Breakup Credit</t>
  </si>
  <si>
    <t>EMLD</t>
  </si>
  <si>
    <t>Priority Customer liquidity posting simple trade in SPY, QQQ, IWM contra non-AMM</t>
  </si>
  <si>
    <t>-0.45</t>
  </si>
  <si>
    <t>-0.4</t>
  </si>
  <si>
    <t>Priority Customer non-penny liquidity posting simple</t>
  </si>
  <si>
    <t>-0.85</t>
  </si>
  <si>
    <t>Priority Customer penny complex contra non-Customer</t>
  </si>
  <si>
    <t>Priority Customer penny liquidity posting contra non-AMM</t>
  </si>
  <si>
    <t>-0.43</t>
  </si>
  <si>
    <t>GMNI</t>
  </si>
  <si>
    <t>-0.53</t>
  </si>
  <si>
    <t>MCRY</t>
  </si>
  <si>
    <t>Priority Customer non-penny breakup credit</t>
  </si>
  <si>
    <t>Priority Customer penny breakup credit</t>
  </si>
  <si>
    <t>MPRL</t>
  </si>
  <si>
    <t>Professional Customer penny liquidity posting contra customer</t>
  </si>
  <si>
    <t>-0.22</t>
  </si>
  <si>
    <t>Professional Customer penny liquidity posting contra non-customer</t>
  </si>
  <si>
    <t>MXOP</t>
  </si>
  <si>
    <t>-1.04</t>
  </si>
  <si>
    <t>XBOX</t>
  </si>
  <si>
    <t>Priority and Professional Customer non-penny PIP and COPIP Break-up credit</t>
  </si>
  <si>
    <t>-0.81</t>
  </si>
  <si>
    <t>Priority and Professional Customer SPY PIP and COPIP Break-up credit</t>
  </si>
  <si>
    <t>Priority Customer Complex Non-Penny contra professional customer/broker dealer/market maker</t>
  </si>
  <si>
    <t>-0.37</t>
  </si>
  <si>
    <t>Priority Customer Complex Penny contra professional customer/broker dealer/market maker</t>
  </si>
  <si>
    <t>-0.19</t>
  </si>
  <si>
    <t>Priority Customer penny PIP Non-SPY Break-up credit</t>
  </si>
  <si>
    <t>-0.34</t>
  </si>
  <si>
    <t>Professional Customer liquidity posting Complex contra professional customer/broker dealer/market maker complex fee</t>
  </si>
  <si>
    <t>XBXO</t>
  </si>
  <si>
    <t>-1.1</t>
  </si>
  <si>
    <t>-0.3</t>
  </si>
  <si>
    <t>XCBO</t>
  </si>
  <si>
    <t>Priority Customer Penny Breakup Credit</t>
  </si>
  <si>
    <t>-0.11</t>
  </si>
  <si>
    <t>-0.09</t>
  </si>
  <si>
    <t>-0.21</t>
  </si>
  <si>
    <t>XISX</t>
  </si>
  <si>
    <t>Priority Customer non-penny complex contra non-priority Customer</t>
  </si>
  <si>
    <t>-0.5</t>
  </si>
  <si>
    <t>-1</t>
  </si>
  <si>
    <t>Priority Customer penny complex contra non-priority Customer</t>
  </si>
  <si>
    <t>Priority Customer penny/non-penny/simple/complex Facilitation and Solicitation Break-up Rebate</t>
  </si>
  <si>
    <t>XMIO</t>
  </si>
  <si>
    <t>Priority Customer non-penny PRIME Break-up Credit</t>
  </si>
  <si>
    <t>Priority Customer penny PRIME Break-up Credit</t>
  </si>
  <si>
    <t>Professional Customer non-Penny PRIME Break-up Credit</t>
  </si>
  <si>
    <t>Professional Customer Penny PRIME Break-up Credit</t>
  </si>
  <si>
    <t>XNDQ</t>
  </si>
  <si>
    <t>Priority Customer non-penny liquidity posting - Footnote 9 cross asset</t>
  </si>
  <si>
    <t>Priority Customer penny liquidity posting - Footnote 9 cross asset</t>
  </si>
  <si>
    <t>Professional Customer non-penny liquidity posting - Footnote 9 cross asset</t>
  </si>
  <si>
    <t>-0.9</t>
  </si>
  <si>
    <t>Professional Customer penny liquidity posting - Footnote 9 cross asset</t>
  </si>
  <si>
    <t>-0.48</t>
  </si>
  <si>
    <t>XPHO</t>
  </si>
  <si>
    <t>Priority Customer liquidity posting simple trade contra AMM</t>
  </si>
  <si>
    <t>Professional Customer non-Penny complex PRIME Break-up Credit</t>
  </si>
  <si>
    <t>Professional Customer Penny complex PRIME Break-up Credit</t>
  </si>
  <si>
    <t>Marketing rebate mini-options on eligible non-penny trades</t>
  </si>
  <si>
    <t>Marketing rebate mini-options on eligible penny trades</t>
  </si>
  <si>
    <t>Priority Customer non-Penny complex PRIME Break-up Credit</t>
  </si>
  <si>
    <t>Priority Customer penny complex PRIME Break-up Credit</t>
  </si>
  <si>
    <t>Priority Customer penny complex - Tier 1 (largest leg under 50 contracts and trades with /quotes/orders on regular order book)</t>
  </si>
  <si>
    <t>Priority Customer Non-Penny Flash (Triggered Order Exposure)</t>
  </si>
  <si>
    <t>Priority Customer Non-Penny PRISM Breakup</t>
  </si>
  <si>
    <t>Priority Customer Penny Flash (Triggered Order Exposure)</t>
  </si>
  <si>
    <t>Priority Customer Penny PRISM Breakup</t>
  </si>
  <si>
    <t>Priority Customer XSP trades under 10 contracts</t>
  </si>
  <si>
    <t>-0.13</t>
  </si>
  <si>
    <t>Complex non-penny CUBE breakup (initiating participant credit)</t>
  </si>
  <si>
    <t>Complex penny CUBE breakup (initiating participant credit)</t>
  </si>
  <si>
    <t>Non-penny AON CUBE breakup (initiating participant credit)</t>
  </si>
  <si>
    <t>Penny AON CUBE breakup (initiating participant credit)</t>
  </si>
  <si>
    <t>Priority Customer BOLD mechanism initiating trade</t>
  </si>
  <si>
    <t>Simple non-penny CUBE breakup (initiating participant credit)</t>
  </si>
  <si>
    <t>Simple penny CUBE breakup (initiating participant credit)</t>
  </si>
  <si>
    <t>SPY - Customer PIXL Break-Up Rebate</t>
  </si>
  <si>
    <t>Priority Customer Facilitation or Solicitation Breakup Credit</t>
  </si>
  <si>
    <t>Priority Customer Facilitation or Solicitation Rebate</t>
  </si>
  <si>
    <t>Priority Customer non-penny liquidity taker contra professional Customer/broker dealer/market maker</t>
  </si>
  <si>
    <t>Priority Customer penny liquidity taker contra professional Customer/broker dealer/market maker</t>
  </si>
  <si>
    <t>-0.26</t>
  </si>
  <si>
    <t>Customer AIM Agency trade - Tier 2</t>
  </si>
  <si>
    <t>Priority Customer complex order - Tier 2</t>
  </si>
  <si>
    <t>Priority Customer complex PRIME agency - Tier 2</t>
  </si>
  <si>
    <t>Priority Customer non-select simple - Tier 2</t>
  </si>
  <si>
    <t>Priority Customer PRIME agency - Tier 2</t>
  </si>
  <si>
    <t>Priority Customer select simple - Tier 2</t>
  </si>
  <si>
    <t>Priority Customer non-penny liquidity posting - Tier 2</t>
  </si>
  <si>
    <t>Priority Customer penny liquidity posting - Tier 2</t>
  </si>
  <si>
    <t>Priority Customer non-penny liquidity posting - Tier 5</t>
  </si>
  <si>
    <t>Priority Customer penny liquidity posting - Tier 5</t>
  </si>
  <si>
    <t>Priority Customer Complex non-penny contra Non-customer - Tier 3</t>
  </si>
  <si>
    <t>Priority Customer Complex penny contra Non-customer - Tier 4</t>
  </si>
  <si>
    <t>Priority Customer contra non-Customer - Tier 3</t>
  </si>
  <si>
    <t>Priority Customer penny liquidity removing - Tier 3</t>
  </si>
  <si>
    <t>Exchange</t>
  </si>
  <si>
    <t>Trade description</t>
  </si>
  <si>
    <t>Priority Customer contra non-Customer - Tier 4</t>
  </si>
  <si>
    <t>Priority Customer penny liquidity removing - Tier 4</t>
  </si>
  <si>
    <t>Volume Incentive Program (AIM, Complex) - Tier 2</t>
  </si>
  <si>
    <t>Volume Incentive Program (AIM, Simple) - Tier 2</t>
  </si>
  <si>
    <t>Volume Incentive Program (Non-AIM, Complex) - Tier 2</t>
  </si>
  <si>
    <t>Volume Incentive Program (Non-AIM Simple) - Tier 2</t>
  </si>
  <si>
    <t>*A rate of N/A represents that the Firm did not have any applicable order flow for that category during the month.</t>
  </si>
  <si>
    <t>Priority Customer Complex non-penny contra Non-customer - Tier 4</t>
  </si>
  <si>
    <t>Priority Customer Complex penny contra Non-customer - Tier 5</t>
  </si>
  <si>
    <t>Priority Customer non-penny complex contra non-Customer</t>
  </si>
  <si>
    <t>Priority Customer penny liquidity posting - Tier 1</t>
  </si>
  <si>
    <t>Professional Customer liquidity posting (SPY, AAPL, QQQ, IWM, SLV, AMC, AMD, AMZN, HYG, PLTR, TSLA and XLF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3" formatCode="_-* #,##0.00_-;\-* #,##0.00_-;_-* &quot;-&quot;??_-;_-@_-"/>
  </numFmts>
  <fonts count="8" x14ac:knownFonts="1">
    <font>
      <sz val="10"/>
      <color rgb="FF000000"/>
      <name val="Arial"/>
    </font>
    <font>
      <sz val="11"/>
      <color theme="1"/>
      <name val="Calibri"/>
      <family val="2"/>
      <scheme val="minor"/>
    </font>
    <font>
      <sz val="9"/>
      <color rgb="FF333333"/>
      <name val="Arial"/>
      <family val="2"/>
    </font>
    <font>
      <sz val="10"/>
      <color rgb="FF00000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</font>
    <font>
      <sz val="11"/>
      <color rgb="FF000000"/>
      <name val="Calibri"/>
      <family val="2"/>
      <scheme val="minor"/>
    </font>
    <font>
      <b/>
      <sz val="11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  <fill>
      <patternFill patternType="solid">
        <fgColor theme="4" tint="0.79998168889431442"/>
        <bgColor theme="4" tint="0.79998168889431442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43" fontId="3" fillId="0" borderId="0" applyFont="0" applyFill="0" applyBorder="0" applyAlignment="0" applyProtection="0"/>
    <xf numFmtId="0" fontId="1" fillId="0" borderId="0"/>
  </cellStyleXfs>
  <cellXfs count="10">
    <xf numFmtId="0" fontId="0" fillId="0" borderId="0" xfId="0"/>
    <xf numFmtId="0" fontId="2" fillId="2" borderId="0" xfId="0" applyFont="1" applyFill="1" applyAlignment="1">
      <alignment horizontal="left"/>
    </xf>
    <xf numFmtId="0" fontId="0" fillId="0" borderId="0" xfId="0" applyAlignment="1">
      <alignment horizontal="right"/>
    </xf>
    <xf numFmtId="0" fontId="4" fillId="0" borderId="0" xfId="2" applyFont="1"/>
    <xf numFmtId="0" fontId="7" fillId="3" borderId="1" xfId="0" applyFont="1" applyFill="1" applyBorder="1" applyAlignment="1">
      <alignment horizontal="center" vertical="center"/>
    </xf>
    <xf numFmtId="2" fontId="7" fillId="3" borderId="1" xfId="1" applyNumberFormat="1" applyFont="1" applyFill="1" applyBorder="1" applyAlignment="1">
      <alignment horizontal="center" vertical="center"/>
    </xf>
    <xf numFmtId="49" fontId="7" fillId="0" borderId="1" xfId="0" applyNumberFormat="1" applyFont="1" applyBorder="1" applyAlignment="1">
      <alignment horizontal="left"/>
    </xf>
    <xf numFmtId="49" fontId="5" fillId="0" borderId="1" xfId="0" applyNumberFormat="1" applyFont="1" applyBorder="1" applyAlignment="1">
      <alignment horizontal="left"/>
    </xf>
    <xf numFmtId="2" fontId="6" fillId="0" borderId="1" xfId="1" applyNumberFormat="1" applyFont="1" applyFill="1" applyBorder="1" applyAlignment="1">
      <alignment horizontal="right"/>
    </xf>
    <xf numFmtId="0" fontId="0" fillId="0" borderId="1" xfId="0" applyBorder="1" applyAlignment="1">
      <alignment horizontal="right"/>
    </xf>
  </cellXfs>
  <cellStyles count="3">
    <cellStyle name="Comma" xfId="1" builtinId="3"/>
    <cellStyle name="Normal" xfId="0" builtinId="0"/>
    <cellStyle name="Normal 2" xfId="2" xr:uid="{68334D66-AB62-470B-BACE-DC276A23145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119"/>
  <sheetViews>
    <sheetView tabSelected="1"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12" sqref="B12"/>
    </sheetView>
  </sheetViews>
  <sheetFormatPr defaultRowHeight="12.75" x14ac:dyDescent="0.2"/>
  <cols>
    <col min="1" max="1" width="10.42578125" customWidth="1"/>
    <col min="2" max="2" width="111.42578125" customWidth="1"/>
    <col min="3" max="3" width="7.5703125" customWidth="1"/>
  </cols>
  <sheetData>
    <row r="1" spans="1:3" s="1" customFormat="1" ht="15" x14ac:dyDescent="0.2">
      <c r="A1" s="4" t="s">
        <v>137</v>
      </c>
      <c r="B1" s="4" t="s">
        <v>138</v>
      </c>
      <c r="C1" s="5" t="s">
        <v>0</v>
      </c>
    </row>
    <row r="2" spans="1:3" s="1" customFormat="1" ht="15" x14ac:dyDescent="0.25">
      <c r="A2" s="6" t="s">
        <v>1</v>
      </c>
      <c r="B2" s="7" t="s">
        <v>2</v>
      </c>
      <c r="C2" s="8" t="s">
        <v>3</v>
      </c>
    </row>
    <row r="3" spans="1:3" s="1" customFormat="1" ht="15" x14ac:dyDescent="0.25">
      <c r="A3" s="6" t="s">
        <v>1</v>
      </c>
      <c r="B3" s="7" t="s">
        <v>4</v>
      </c>
      <c r="C3" s="8" t="s">
        <v>5</v>
      </c>
    </row>
    <row r="4" spans="1:3" s="1" customFormat="1" ht="15" x14ac:dyDescent="0.25">
      <c r="A4" s="6" t="s">
        <v>1</v>
      </c>
      <c r="B4" s="7" t="s">
        <v>110</v>
      </c>
      <c r="C4" s="8" t="s">
        <v>35</v>
      </c>
    </row>
    <row r="5" spans="1:3" s="1" customFormat="1" ht="15" x14ac:dyDescent="0.25">
      <c r="A5" s="6" t="s">
        <v>1</v>
      </c>
      <c r="B5" s="7" t="s">
        <v>111</v>
      </c>
      <c r="C5" s="8" t="s">
        <v>35</v>
      </c>
    </row>
    <row r="6" spans="1:3" s="1" customFormat="1" ht="15" x14ac:dyDescent="0.25">
      <c r="A6" s="6" t="s">
        <v>1</v>
      </c>
      <c r="B6" s="7" t="s">
        <v>112</v>
      </c>
      <c r="C6" s="8" t="s">
        <v>35</v>
      </c>
    </row>
    <row r="7" spans="1:3" s="1" customFormat="1" ht="15" x14ac:dyDescent="0.25">
      <c r="A7" s="6" t="s">
        <v>1</v>
      </c>
      <c r="B7" s="7" t="s">
        <v>113</v>
      </c>
      <c r="C7" s="8" t="s">
        <v>35</v>
      </c>
    </row>
    <row r="8" spans="1:3" s="1" customFormat="1" ht="15" x14ac:dyDescent="0.25">
      <c r="A8" s="6" t="s">
        <v>1</v>
      </c>
      <c r="B8" s="7" t="s">
        <v>114</v>
      </c>
      <c r="C8" s="8" t="s">
        <v>35</v>
      </c>
    </row>
    <row r="9" spans="1:3" s="1" customFormat="1" ht="15" x14ac:dyDescent="0.25">
      <c r="A9" s="6" t="s">
        <v>1</v>
      </c>
      <c r="B9" s="7" t="s">
        <v>115</v>
      </c>
      <c r="C9" s="8" t="s">
        <v>35</v>
      </c>
    </row>
    <row r="10" spans="1:3" s="1" customFormat="1" ht="15" x14ac:dyDescent="0.25">
      <c r="A10" s="6" t="s">
        <v>1</v>
      </c>
      <c r="B10" s="7" t="s">
        <v>116</v>
      </c>
      <c r="C10" s="8" t="s">
        <v>122</v>
      </c>
    </row>
    <row r="11" spans="1:3" s="1" customFormat="1" ht="15" x14ac:dyDescent="0.25">
      <c r="A11" s="6" t="s">
        <v>6</v>
      </c>
      <c r="B11" s="7" t="s">
        <v>7</v>
      </c>
      <c r="C11" s="8" t="s">
        <v>8</v>
      </c>
    </row>
    <row r="12" spans="1:3" s="1" customFormat="1" ht="15" x14ac:dyDescent="0.25">
      <c r="A12" s="6" t="s">
        <v>6</v>
      </c>
      <c r="B12" s="7" t="s">
        <v>9</v>
      </c>
      <c r="C12" s="8" t="s">
        <v>10</v>
      </c>
    </row>
    <row r="13" spans="1:3" s="1" customFormat="1" ht="15" x14ac:dyDescent="0.25">
      <c r="A13" s="6" t="s">
        <v>6</v>
      </c>
      <c r="B13" s="7" t="s">
        <v>11</v>
      </c>
      <c r="C13" s="8" t="s">
        <v>8</v>
      </c>
    </row>
    <row r="14" spans="1:3" s="1" customFormat="1" ht="15" x14ac:dyDescent="0.25">
      <c r="A14" s="6" t="s">
        <v>6</v>
      </c>
      <c r="B14" s="7" t="s">
        <v>12</v>
      </c>
      <c r="C14" s="8" t="s">
        <v>5</v>
      </c>
    </row>
    <row r="15" spans="1:3" s="1" customFormat="1" ht="15" x14ac:dyDescent="0.25">
      <c r="A15" s="6" t="s">
        <v>6</v>
      </c>
      <c r="B15" s="7" t="s">
        <v>13</v>
      </c>
      <c r="C15" s="8" t="s">
        <v>8</v>
      </c>
    </row>
    <row r="16" spans="1:3" s="1" customFormat="1" ht="15" x14ac:dyDescent="0.25">
      <c r="A16" s="6" t="s">
        <v>6</v>
      </c>
      <c r="B16" s="7" t="s">
        <v>14</v>
      </c>
      <c r="C16" s="8" t="s">
        <v>5</v>
      </c>
    </row>
    <row r="17" spans="1:3" s="1" customFormat="1" ht="15" x14ac:dyDescent="0.25">
      <c r="A17" s="6" t="s">
        <v>15</v>
      </c>
      <c r="B17" s="7" t="s">
        <v>11</v>
      </c>
      <c r="C17" s="8" t="s">
        <v>16</v>
      </c>
    </row>
    <row r="18" spans="1:3" s="1" customFormat="1" ht="15" x14ac:dyDescent="0.25">
      <c r="A18" s="6" t="s">
        <v>15</v>
      </c>
      <c r="B18" s="7" t="s">
        <v>149</v>
      </c>
      <c r="C18" s="8" t="s">
        <v>17</v>
      </c>
    </row>
    <row r="19" spans="1:3" s="1" customFormat="1" ht="15" x14ac:dyDescent="0.25">
      <c r="A19" s="6" t="s">
        <v>15</v>
      </c>
      <c r="B19" s="7" t="s">
        <v>13</v>
      </c>
      <c r="C19" s="8" t="s">
        <v>18</v>
      </c>
    </row>
    <row r="20" spans="1:3" s="1" customFormat="1" ht="15" x14ac:dyDescent="0.25">
      <c r="A20" s="6" t="s">
        <v>15</v>
      </c>
      <c r="B20" s="7" t="s">
        <v>14</v>
      </c>
      <c r="C20" s="8" t="s">
        <v>5</v>
      </c>
    </row>
    <row r="21" spans="1:3" s="1" customFormat="1" ht="15" x14ac:dyDescent="0.25">
      <c r="A21" s="6" t="s">
        <v>19</v>
      </c>
      <c r="B21" s="7" t="s">
        <v>11</v>
      </c>
      <c r="C21" s="8" t="s">
        <v>20</v>
      </c>
    </row>
    <row r="22" spans="1:3" s="1" customFormat="1" ht="15" x14ac:dyDescent="0.25">
      <c r="A22" s="6" t="s">
        <v>19</v>
      </c>
      <c r="B22" s="7" t="s">
        <v>21</v>
      </c>
      <c r="C22" s="8" t="s">
        <v>8</v>
      </c>
    </row>
    <row r="23" spans="1:3" s="1" customFormat="1" ht="15" x14ac:dyDescent="0.25">
      <c r="A23" s="6" t="s">
        <v>19</v>
      </c>
      <c r="B23" s="7" t="s">
        <v>12</v>
      </c>
      <c r="C23" s="8" t="s">
        <v>22</v>
      </c>
    </row>
    <row r="24" spans="1:3" s="1" customFormat="1" ht="15" x14ac:dyDescent="0.25">
      <c r="A24" s="6" t="s">
        <v>19</v>
      </c>
      <c r="B24" s="7" t="s">
        <v>23</v>
      </c>
      <c r="C24" s="8" t="s">
        <v>17</v>
      </c>
    </row>
    <row r="25" spans="1:3" s="1" customFormat="1" ht="15" x14ac:dyDescent="0.25">
      <c r="A25" s="6" t="s">
        <v>19</v>
      </c>
      <c r="B25" s="7" t="s">
        <v>150</v>
      </c>
      <c r="C25" s="8" t="s">
        <v>24</v>
      </c>
    </row>
    <row r="26" spans="1:3" s="1" customFormat="1" ht="15" x14ac:dyDescent="0.25">
      <c r="A26" s="6" t="s">
        <v>19</v>
      </c>
      <c r="B26" s="7" t="s">
        <v>13</v>
      </c>
      <c r="C26" s="8" t="s">
        <v>18</v>
      </c>
    </row>
    <row r="27" spans="1:3" s="1" customFormat="1" ht="15" x14ac:dyDescent="0.25">
      <c r="A27" s="6" t="s">
        <v>19</v>
      </c>
      <c r="B27" s="7" t="s">
        <v>25</v>
      </c>
      <c r="C27" s="8" t="s">
        <v>26</v>
      </c>
    </row>
    <row r="28" spans="1:3" s="1" customFormat="1" ht="15" x14ac:dyDescent="0.25">
      <c r="A28" s="6" t="s">
        <v>19</v>
      </c>
      <c r="B28" s="7" t="s">
        <v>14</v>
      </c>
      <c r="C28" s="8" t="s">
        <v>27</v>
      </c>
    </row>
    <row r="29" spans="1:3" s="1" customFormat="1" ht="15" x14ac:dyDescent="0.25">
      <c r="A29" s="6" t="s">
        <v>28</v>
      </c>
      <c r="B29" s="7" t="s">
        <v>123</v>
      </c>
      <c r="C29" s="8" t="s">
        <v>29</v>
      </c>
    </row>
    <row r="30" spans="1:3" s="1" customFormat="1" ht="15" x14ac:dyDescent="0.25">
      <c r="A30" s="6" t="s">
        <v>28</v>
      </c>
      <c r="B30" s="7" t="s">
        <v>2</v>
      </c>
      <c r="C30" s="8" t="s">
        <v>3</v>
      </c>
    </row>
    <row r="31" spans="1:3" s="1" customFormat="1" ht="15" x14ac:dyDescent="0.25">
      <c r="A31" s="6" t="s">
        <v>28</v>
      </c>
      <c r="B31" s="7" t="s">
        <v>4</v>
      </c>
      <c r="C31" s="8" t="s">
        <v>5</v>
      </c>
    </row>
    <row r="32" spans="1:3" s="1" customFormat="1" ht="15" x14ac:dyDescent="0.25">
      <c r="A32" s="6" t="s">
        <v>28</v>
      </c>
      <c r="B32" s="7" t="s">
        <v>146</v>
      </c>
      <c r="C32" s="8">
        <v>-1</v>
      </c>
    </row>
    <row r="33" spans="1:3" s="1" customFormat="1" ht="15" x14ac:dyDescent="0.25">
      <c r="A33" s="6" t="s">
        <v>28</v>
      </c>
      <c r="B33" s="7" t="s">
        <v>147</v>
      </c>
      <c r="C33" s="8">
        <v>-0.5</v>
      </c>
    </row>
    <row r="34" spans="1:3" s="1" customFormat="1" ht="15" x14ac:dyDescent="0.25">
      <c r="A34" s="6" t="s">
        <v>28</v>
      </c>
      <c r="B34" s="7" t="s">
        <v>135</v>
      </c>
      <c r="C34" s="8" t="s">
        <v>32</v>
      </c>
    </row>
    <row r="35" spans="1:3" s="1" customFormat="1" ht="15" x14ac:dyDescent="0.25">
      <c r="A35" s="6" t="s">
        <v>28</v>
      </c>
      <c r="B35" s="7" t="s">
        <v>34</v>
      </c>
      <c r="C35" s="8" t="s">
        <v>36</v>
      </c>
    </row>
    <row r="36" spans="1:3" s="1" customFormat="1" ht="15" x14ac:dyDescent="0.25">
      <c r="A36" s="6" t="s">
        <v>28</v>
      </c>
      <c r="B36" s="7" t="s">
        <v>37</v>
      </c>
      <c r="C36" s="8" t="s">
        <v>5</v>
      </c>
    </row>
    <row r="37" spans="1:3" s="1" customFormat="1" ht="15" x14ac:dyDescent="0.25">
      <c r="A37" s="6" t="s">
        <v>28</v>
      </c>
      <c r="B37" s="7" t="s">
        <v>136</v>
      </c>
      <c r="C37" s="8" t="s">
        <v>32</v>
      </c>
    </row>
    <row r="38" spans="1:3" s="1" customFormat="1" ht="15" x14ac:dyDescent="0.25">
      <c r="A38" s="6" t="s">
        <v>38</v>
      </c>
      <c r="B38" s="7" t="s">
        <v>96</v>
      </c>
      <c r="C38" s="8" t="s">
        <v>63</v>
      </c>
    </row>
    <row r="39" spans="1:3" s="1" customFormat="1" ht="15" x14ac:dyDescent="0.25">
      <c r="A39" s="6" t="s">
        <v>38</v>
      </c>
      <c r="B39" s="7" t="s">
        <v>39</v>
      </c>
      <c r="C39" s="8" t="s">
        <v>40</v>
      </c>
    </row>
    <row r="40" spans="1:3" s="1" customFormat="1" ht="15" x14ac:dyDescent="0.25">
      <c r="A40" s="6" t="s">
        <v>38</v>
      </c>
      <c r="B40" s="7" t="s">
        <v>148</v>
      </c>
      <c r="C40" s="8" t="s">
        <v>41</v>
      </c>
    </row>
    <row r="41" spans="1:3" s="1" customFormat="1" ht="15" x14ac:dyDescent="0.25">
      <c r="A41" s="6" t="s">
        <v>38</v>
      </c>
      <c r="B41" s="7" t="s">
        <v>42</v>
      </c>
      <c r="C41" s="8" t="s">
        <v>43</v>
      </c>
    </row>
    <row r="42" spans="1:3" s="1" customFormat="1" ht="15" x14ac:dyDescent="0.25">
      <c r="A42" s="6" t="s">
        <v>38</v>
      </c>
      <c r="B42" s="7" t="s">
        <v>44</v>
      </c>
      <c r="C42" s="8" t="s">
        <v>5</v>
      </c>
    </row>
    <row r="43" spans="1:3" s="1" customFormat="1" ht="15" x14ac:dyDescent="0.25">
      <c r="A43" s="6" t="s">
        <v>38</v>
      </c>
      <c r="B43" s="7" t="s">
        <v>45</v>
      </c>
      <c r="C43" s="8" t="s">
        <v>46</v>
      </c>
    </row>
    <row r="44" spans="1:3" s="1" customFormat="1" ht="15" x14ac:dyDescent="0.25">
      <c r="A44" s="6" t="s">
        <v>38</v>
      </c>
      <c r="B44" s="7" t="s">
        <v>13</v>
      </c>
      <c r="C44" s="8" t="s">
        <v>5</v>
      </c>
    </row>
    <row r="45" spans="1:3" s="1" customFormat="1" ht="15" x14ac:dyDescent="0.25">
      <c r="A45" s="6" t="s">
        <v>38</v>
      </c>
      <c r="B45" s="7" t="s">
        <v>14</v>
      </c>
      <c r="C45" s="8" t="s">
        <v>5</v>
      </c>
    </row>
    <row r="46" spans="1:3" s="1" customFormat="1" ht="15" x14ac:dyDescent="0.25">
      <c r="A46" s="6" t="s">
        <v>47</v>
      </c>
      <c r="B46" s="7" t="s">
        <v>131</v>
      </c>
      <c r="C46" s="8" t="s">
        <v>16</v>
      </c>
    </row>
    <row r="47" spans="1:3" s="1" customFormat="1" ht="15" x14ac:dyDescent="0.25">
      <c r="A47" s="6" t="s">
        <v>47</v>
      </c>
      <c r="B47" s="7" t="s">
        <v>132</v>
      </c>
      <c r="C47" s="8" t="s">
        <v>48</v>
      </c>
    </row>
    <row r="48" spans="1:3" s="1" customFormat="1" ht="15" x14ac:dyDescent="0.25">
      <c r="A48" s="6" t="s">
        <v>47</v>
      </c>
      <c r="B48" s="7" t="s">
        <v>13</v>
      </c>
      <c r="C48" s="8" t="s">
        <v>5</v>
      </c>
    </row>
    <row r="49" spans="1:3" s="1" customFormat="1" ht="15" x14ac:dyDescent="0.25">
      <c r="A49" s="6" t="s">
        <v>47</v>
      </c>
      <c r="B49" s="7" t="s">
        <v>14</v>
      </c>
      <c r="C49" s="8" t="s">
        <v>24</v>
      </c>
    </row>
    <row r="50" spans="1:3" s="1" customFormat="1" ht="15" x14ac:dyDescent="0.25">
      <c r="A50" s="6" t="s">
        <v>49</v>
      </c>
      <c r="B50" s="7" t="s">
        <v>50</v>
      </c>
      <c r="C50" s="8" t="s">
        <v>26</v>
      </c>
    </row>
    <row r="51" spans="1:3" s="1" customFormat="1" ht="15" x14ac:dyDescent="0.25">
      <c r="A51" s="6" t="s">
        <v>49</v>
      </c>
      <c r="B51" s="7" t="s">
        <v>51</v>
      </c>
      <c r="C51" s="8" t="s">
        <v>5</v>
      </c>
    </row>
    <row r="52" spans="1:3" s="1" customFormat="1" ht="15" x14ac:dyDescent="0.25">
      <c r="A52" s="6" t="s">
        <v>52</v>
      </c>
      <c r="B52" s="7" t="s">
        <v>129</v>
      </c>
      <c r="C52" s="8" t="s">
        <v>30</v>
      </c>
    </row>
    <row r="53" spans="1:3" s="1" customFormat="1" ht="15" x14ac:dyDescent="0.25">
      <c r="A53" s="6" t="s">
        <v>52</v>
      </c>
      <c r="B53" s="7" t="s">
        <v>130</v>
      </c>
      <c r="C53" s="8" t="s">
        <v>5</v>
      </c>
    </row>
    <row r="54" spans="1:3" s="1" customFormat="1" ht="15" x14ac:dyDescent="0.25">
      <c r="A54" s="6" t="s">
        <v>52</v>
      </c>
      <c r="B54" s="7" t="s">
        <v>13</v>
      </c>
      <c r="C54" s="8">
        <v>-0.3</v>
      </c>
    </row>
    <row r="55" spans="1:3" s="1" customFormat="1" ht="15" x14ac:dyDescent="0.25">
      <c r="A55" s="6" t="s">
        <v>52</v>
      </c>
      <c r="B55" s="7" t="s">
        <v>53</v>
      </c>
      <c r="C55" s="8">
        <v>-0.22</v>
      </c>
    </row>
    <row r="56" spans="1:3" s="1" customFormat="1" ht="15" x14ac:dyDescent="0.25">
      <c r="A56" s="6" t="s">
        <v>52</v>
      </c>
      <c r="B56" s="7" t="s">
        <v>55</v>
      </c>
      <c r="C56" s="8" t="s">
        <v>5</v>
      </c>
    </row>
    <row r="57" spans="1:3" s="1" customFormat="1" ht="15" x14ac:dyDescent="0.25">
      <c r="A57" s="6" t="s">
        <v>56</v>
      </c>
      <c r="B57" s="7" t="s">
        <v>11</v>
      </c>
      <c r="C57" s="8" t="s">
        <v>57</v>
      </c>
    </row>
    <row r="58" spans="1:3" s="1" customFormat="1" ht="15" x14ac:dyDescent="0.25">
      <c r="A58" s="6" t="s">
        <v>56</v>
      </c>
      <c r="B58" s="7" t="s">
        <v>12</v>
      </c>
      <c r="C58" s="8" t="s">
        <v>31</v>
      </c>
    </row>
    <row r="59" spans="1:3" s="1" customFormat="1" ht="15" x14ac:dyDescent="0.25">
      <c r="A59" s="6" t="s">
        <v>56</v>
      </c>
      <c r="B59" s="7" t="s">
        <v>13</v>
      </c>
      <c r="C59" s="8">
        <v>-0.8</v>
      </c>
    </row>
    <row r="60" spans="1:3" s="1" customFormat="1" ht="15" x14ac:dyDescent="0.25">
      <c r="A60" s="6" t="s">
        <v>56</v>
      </c>
      <c r="B60" s="7" t="s">
        <v>14</v>
      </c>
      <c r="C60" s="8">
        <v>-0.45</v>
      </c>
    </row>
    <row r="61" spans="1:3" s="1" customFormat="1" ht="15" x14ac:dyDescent="0.25">
      <c r="A61" s="6" t="s">
        <v>58</v>
      </c>
      <c r="B61" s="7" t="s">
        <v>118</v>
      </c>
      <c r="C61" s="8" t="s">
        <v>35</v>
      </c>
    </row>
    <row r="62" spans="1:3" s="1" customFormat="1" ht="15" x14ac:dyDescent="0.25">
      <c r="A62" s="6" t="s">
        <v>58</v>
      </c>
      <c r="B62" s="7" t="s">
        <v>119</v>
      </c>
      <c r="C62" s="8" t="s">
        <v>29</v>
      </c>
    </row>
    <row r="63" spans="1:3" s="1" customFormat="1" ht="15" x14ac:dyDescent="0.25">
      <c r="A63" s="6" t="s">
        <v>58</v>
      </c>
      <c r="B63" s="7" t="s">
        <v>120</v>
      </c>
      <c r="C63" s="8" t="s">
        <v>79</v>
      </c>
    </row>
    <row r="64" spans="1:3" s="1" customFormat="1" ht="15" x14ac:dyDescent="0.25">
      <c r="A64" s="6" t="s">
        <v>58</v>
      </c>
      <c r="B64" s="7" t="s">
        <v>121</v>
      </c>
      <c r="C64" s="8" t="s">
        <v>24</v>
      </c>
    </row>
    <row r="65" spans="1:3" s="1" customFormat="1" ht="15" x14ac:dyDescent="0.25">
      <c r="A65" s="6" t="s">
        <v>58</v>
      </c>
      <c r="B65" s="7" t="s">
        <v>59</v>
      </c>
      <c r="C65" s="8" t="s">
        <v>60</v>
      </c>
    </row>
    <row r="66" spans="1:3" s="1" customFormat="1" ht="15" x14ac:dyDescent="0.25">
      <c r="A66" s="6" t="s">
        <v>58</v>
      </c>
      <c r="B66" s="7" t="s">
        <v>61</v>
      </c>
      <c r="C66" s="8" t="s">
        <v>40</v>
      </c>
    </row>
    <row r="67" spans="1:3" s="1" customFormat="1" ht="15" x14ac:dyDescent="0.25">
      <c r="A67" s="6" t="s">
        <v>58</v>
      </c>
      <c r="B67" s="7" t="s">
        <v>62</v>
      </c>
      <c r="C67" s="8" t="s">
        <v>92</v>
      </c>
    </row>
    <row r="68" spans="1:3" s="1" customFormat="1" ht="15" x14ac:dyDescent="0.25">
      <c r="A68" s="6" t="s">
        <v>58</v>
      </c>
      <c r="B68" s="7" t="s">
        <v>64</v>
      </c>
      <c r="C68" s="8" t="s">
        <v>79</v>
      </c>
    </row>
    <row r="69" spans="1:3" s="1" customFormat="1" ht="15" x14ac:dyDescent="0.25">
      <c r="A69" s="6" t="s">
        <v>58</v>
      </c>
      <c r="B69" s="7" t="s">
        <v>66</v>
      </c>
      <c r="C69" s="8" t="s">
        <v>67</v>
      </c>
    </row>
    <row r="70" spans="1:3" s="1" customFormat="1" ht="15" x14ac:dyDescent="0.25">
      <c r="A70" s="6" t="s">
        <v>58</v>
      </c>
      <c r="B70" s="7" t="s">
        <v>68</v>
      </c>
      <c r="C70" s="8" t="s">
        <v>71</v>
      </c>
    </row>
    <row r="71" spans="1:3" s="1" customFormat="1" ht="15" x14ac:dyDescent="0.25">
      <c r="A71" s="6" t="s">
        <v>69</v>
      </c>
      <c r="B71" s="7" t="s">
        <v>104</v>
      </c>
      <c r="C71" s="8">
        <v>-1.1000000000000001</v>
      </c>
    </row>
    <row r="72" spans="1:3" s="1" customFormat="1" ht="15" x14ac:dyDescent="0.25">
      <c r="A72" s="6" t="s">
        <v>69</v>
      </c>
      <c r="B72" s="7" t="s">
        <v>105</v>
      </c>
      <c r="C72" s="8" t="s">
        <v>35</v>
      </c>
    </row>
    <row r="73" spans="1:3" s="1" customFormat="1" ht="15" x14ac:dyDescent="0.25">
      <c r="A73" s="6" t="s">
        <v>69</v>
      </c>
      <c r="B73" s="7" t="s">
        <v>106</v>
      </c>
      <c r="C73" s="8">
        <v>-0.47</v>
      </c>
    </row>
    <row r="74" spans="1:3" s="1" customFormat="1" ht="15" x14ac:dyDescent="0.25">
      <c r="A74" s="6" t="s">
        <v>69</v>
      </c>
      <c r="B74" s="7" t="s">
        <v>107</v>
      </c>
      <c r="C74" s="8" t="s">
        <v>35</v>
      </c>
    </row>
    <row r="75" spans="1:3" s="1" customFormat="1" ht="15" x14ac:dyDescent="0.25">
      <c r="A75" s="6" t="s">
        <v>69</v>
      </c>
      <c r="B75" s="7" t="s">
        <v>14</v>
      </c>
      <c r="C75" s="8">
        <v>-0.12</v>
      </c>
    </row>
    <row r="76" spans="1:3" s="1" customFormat="1" ht="15" x14ac:dyDescent="0.25">
      <c r="A76" s="6" t="s">
        <v>69</v>
      </c>
      <c r="B76" s="7" t="s">
        <v>11</v>
      </c>
      <c r="C76" s="8" t="s">
        <v>70</v>
      </c>
    </row>
    <row r="77" spans="1:3" s="1" customFormat="1" ht="15" x14ac:dyDescent="0.25">
      <c r="A77" s="6" t="s">
        <v>69</v>
      </c>
      <c r="B77" s="7" t="s">
        <v>12</v>
      </c>
      <c r="C77" s="8" t="s">
        <v>71</v>
      </c>
    </row>
    <row r="78" spans="1:3" s="1" customFormat="1" ht="15" x14ac:dyDescent="0.25">
      <c r="A78" s="6" t="s">
        <v>72</v>
      </c>
      <c r="B78" s="7" t="s">
        <v>2</v>
      </c>
      <c r="C78" s="8" t="s">
        <v>3</v>
      </c>
    </row>
    <row r="79" spans="1:3" s="1" customFormat="1" ht="15" x14ac:dyDescent="0.25">
      <c r="A79" s="6" t="s">
        <v>72</v>
      </c>
      <c r="B79" s="7" t="s">
        <v>4</v>
      </c>
      <c r="C79" s="8" t="s">
        <v>5</v>
      </c>
    </row>
    <row r="80" spans="1:3" s="1" customFormat="1" ht="15" x14ac:dyDescent="0.25">
      <c r="A80" s="6" t="s">
        <v>72</v>
      </c>
      <c r="B80" s="7" t="s">
        <v>34</v>
      </c>
      <c r="C80" s="8" t="s">
        <v>26</v>
      </c>
    </row>
    <row r="81" spans="1:3" s="1" customFormat="1" ht="15" x14ac:dyDescent="0.25">
      <c r="A81" s="6" t="s">
        <v>72</v>
      </c>
      <c r="B81" s="7" t="s">
        <v>73</v>
      </c>
      <c r="C81" s="8" t="s">
        <v>5</v>
      </c>
    </row>
    <row r="82" spans="1:3" s="1" customFormat="1" ht="15" x14ac:dyDescent="0.25">
      <c r="A82" s="6" t="s">
        <v>72</v>
      </c>
      <c r="B82" s="7" t="s">
        <v>108</v>
      </c>
      <c r="C82" s="8" t="s">
        <v>109</v>
      </c>
    </row>
    <row r="83" spans="1:3" s="1" customFormat="1" ht="15" x14ac:dyDescent="0.25">
      <c r="A83" s="6" t="s">
        <v>72</v>
      </c>
      <c r="B83" s="7" t="s">
        <v>141</v>
      </c>
      <c r="C83" s="8" t="s">
        <v>65</v>
      </c>
    </row>
    <row r="84" spans="1:3" s="1" customFormat="1" ht="15" x14ac:dyDescent="0.25">
      <c r="A84" s="6" t="s">
        <v>72</v>
      </c>
      <c r="B84" s="7" t="s">
        <v>142</v>
      </c>
      <c r="C84" s="8" t="s">
        <v>75</v>
      </c>
    </row>
    <row r="85" spans="1:3" s="1" customFormat="1" ht="15" x14ac:dyDescent="0.25">
      <c r="A85" s="6" t="s">
        <v>72</v>
      </c>
      <c r="B85" s="7" t="s">
        <v>143</v>
      </c>
      <c r="C85" s="8" t="s">
        <v>76</v>
      </c>
    </row>
    <row r="86" spans="1:3" s="1" customFormat="1" ht="15" x14ac:dyDescent="0.25">
      <c r="A86" s="6" t="s">
        <v>72</v>
      </c>
      <c r="B86" s="7" t="s">
        <v>144</v>
      </c>
      <c r="C86" s="8" t="s">
        <v>29</v>
      </c>
    </row>
    <row r="87" spans="1:3" s="1" customFormat="1" ht="15" x14ac:dyDescent="0.25">
      <c r="A87" s="6" t="s">
        <v>77</v>
      </c>
      <c r="B87" s="7" t="s">
        <v>78</v>
      </c>
      <c r="C87" s="8" t="s">
        <v>79</v>
      </c>
    </row>
    <row r="88" spans="1:3" s="1" customFormat="1" ht="15" x14ac:dyDescent="0.25">
      <c r="A88" s="6" t="s">
        <v>77</v>
      </c>
      <c r="B88" s="7" t="s">
        <v>11</v>
      </c>
      <c r="C88" s="8" t="s">
        <v>80</v>
      </c>
    </row>
    <row r="89" spans="1:3" s="1" customFormat="1" ht="15" x14ac:dyDescent="0.25">
      <c r="A89" s="6" t="s">
        <v>77</v>
      </c>
      <c r="B89" s="7" t="s">
        <v>81</v>
      </c>
      <c r="C89" s="8" t="s">
        <v>5</v>
      </c>
    </row>
    <row r="90" spans="1:3" s="1" customFormat="1" ht="15" x14ac:dyDescent="0.25">
      <c r="A90" s="6" t="s">
        <v>77</v>
      </c>
      <c r="B90" s="7" t="s">
        <v>103</v>
      </c>
      <c r="C90" s="8" t="s">
        <v>35</v>
      </c>
    </row>
    <row r="91" spans="1:3" s="1" customFormat="1" ht="15" x14ac:dyDescent="0.25">
      <c r="A91" s="6" t="s">
        <v>77</v>
      </c>
      <c r="B91" s="7" t="s">
        <v>82</v>
      </c>
      <c r="C91" s="8" t="s">
        <v>24</v>
      </c>
    </row>
    <row r="92" spans="1:3" s="1" customFormat="1" ht="15" x14ac:dyDescent="0.25">
      <c r="A92" s="6" t="s">
        <v>83</v>
      </c>
      <c r="B92" s="7" t="s">
        <v>2</v>
      </c>
      <c r="C92" s="8" t="s">
        <v>3</v>
      </c>
    </row>
    <row r="93" spans="1:3" s="1" customFormat="1" ht="15" x14ac:dyDescent="0.25">
      <c r="A93" s="6" t="s">
        <v>83</v>
      </c>
      <c r="B93" s="7" t="s">
        <v>4</v>
      </c>
      <c r="C93" s="8" t="s">
        <v>5</v>
      </c>
    </row>
    <row r="94" spans="1:3" s="1" customFormat="1" ht="15" x14ac:dyDescent="0.25">
      <c r="A94" s="6" t="s">
        <v>83</v>
      </c>
      <c r="B94" s="7" t="s">
        <v>99</v>
      </c>
      <c r="C94" s="8" t="s">
        <v>35</v>
      </c>
    </row>
    <row r="95" spans="1:3" s="1" customFormat="1" ht="15" x14ac:dyDescent="0.25">
      <c r="A95" s="6" t="s">
        <v>83</v>
      </c>
      <c r="B95" s="7" t="s">
        <v>100</v>
      </c>
      <c r="C95" s="8" t="s">
        <v>35</v>
      </c>
    </row>
    <row r="96" spans="1:3" s="1" customFormat="1" ht="15" x14ac:dyDescent="0.25">
      <c r="A96" s="6" t="s">
        <v>83</v>
      </c>
      <c r="B96" s="7" t="s">
        <v>124</v>
      </c>
      <c r="C96" s="8" t="s">
        <v>76</v>
      </c>
    </row>
    <row r="97" spans="1:3" s="1" customFormat="1" ht="15" x14ac:dyDescent="0.25">
      <c r="A97" s="6" t="s">
        <v>83</v>
      </c>
      <c r="B97" s="7" t="s">
        <v>125</v>
      </c>
      <c r="C97" s="8" t="s">
        <v>29</v>
      </c>
    </row>
    <row r="98" spans="1:3" s="1" customFormat="1" ht="15" x14ac:dyDescent="0.25">
      <c r="A98" s="6" t="s">
        <v>83</v>
      </c>
      <c r="B98" s="7" t="s">
        <v>101</v>
      </c>
      <c r="C98" s="8" t="s">
        <v>26</v>
      </c>
    </row>
    <row r="99" spans="1:3" s="1" customFormat="1" ht="15" x14ac:dyDescent="0.25">
      <c r="A99" s="6" t="s">
        <v>83</v>
      </c>
      <c r="B99" s="7" t="s">
        <v>84</v>
      </c>
      <c r="C99" s="8" t="s">
        <v>26</v>
      </c>
    </row>
    <row r="100" spans="1:3" s="1" customFormat="1" ht="15" x14ac:dyDescent="0.25">
      <c r="A100" s="6" t="s">
        <v>83</v>
      </c>
      <c r="B100" s="7" t="s">
        <v>126</v>
      </c>
      <c r="C100" s="8" t="s">
        <v>29</v>
      </c>
    </row>
    <row r="101" spans="1:3" s="1" customFormat="1" ht="15" x14ac:dyDescent="0.25">
      <c r="A101" s="6" t="s">
        <v>83</v>
      </c>
      <c r="B101" s="7" t="s">
        <v>102</v>
      </c>
      <c r="C101" s="8" t="s">
        <v>5</v>
      </c>
    </row>
    <row r="102" spans="1:3" s="1" customFormat="1" ht="15" x14ac:dyDescent="0.25">
      <c r="A102" s="6" t="s">
        <v>83</v>
      </c>
      <c r="B102" s="7" t="s">
        <v>85</v>
      </c>
      <c r="C102" s="8" t="s">
        <v>5</v>
      </c>
    </row>
    <row r="103" spans="1:3" s="1" customFormat="1" ht="15" x14ac:dyDescent="0.25">
      <c r="A103" s="6" t="s">
        <v>83</v>
      </c>
      <c r="B103" s="7" t="s">
        <v>127</v>
      </c>
      <c r="C103" s="8" t="s">
        <v>74</v>
      </c>
    </row>
    <row r="104" spans="1:3" s="1" customFormat="1" ht="15" x14ac:dyDescent="0.25">
      <c r="A104" s="6" t="s">
        <v>83</v>
      </c>
      <c r="B104" s="7" t="s">
        <v>128</v>
      </c>
      <c r="C104" s="8" t="s">
        <v>29</v>
      </c>
    </row>
    <row r="105" spans="1:3" s="1" customFormat="1" ht="15" x14ac:dyDescent="0.25">
      <c r="A105" s="6" t="s">
        <v>83</v>
      </c>
      <c r="B105" s="7" t="s">
        <v>97</v>
      </c>
      <c r="C105" s="8" t="s">
        <v>26</v>
      </c>
    </row>
    <row r="106" spans="1:3" s="1" customFormat="1" ht="15" x14ac:dyDescent="0.25">
      <c r="A106" s="6" t="s">
        <v>83</v>
      </c>
      <c r="B106" s="7" t="s">
        <v>98</v>
      </c>
      <c r="C106" s="8" t="s">
        <v>5</v>
      </c>
    </row>
    <row r="107" spans="1:3" s="1" customFormat="1" ht="15" x14ac:dyDescent="0.25">
      <c r="A107" s="6" t="s">
        <v>83</v>
      </c>
      <c r="B107" s="7" t="s">
        <v>86</v>
      </c>
      <c r="C107" s="8" t="s">
        <v>26</v>
      </c>
    </row>
    <row r="108" spans="1:3" s="1" customFormat="1" ht="15" x14ac:dyDescent="0.25">
      <c r="A108" s="6" t="s">
        <v>83</v>
      </c>
      <c r="B108" s="7" t="s">
        <v>87</v>
      </c>
      <c r="C108" s="8" t="s">
        <v>5</v>
      </c>
    </row>
    <row r="109" spans="1:3" s="1" customFormat="1" ht="15" x14ac:dyDescent="0.25">
      <c r="A109" s="6" t="s">
        <v>88</v>
      </c>
      <c r="B109" s="7" t="s">
        <v>89</v>
      </c>
      <c r="C109" s="8" t="s">
        <v>70</v>
      </c>
    </row>
    <row r="110" spans="1:3" s="1" customFormat="1" ht="15" x14ac:dyDescent="0.25">
      <c r="A110" s="6" t="s">
        <v>88</v>
      </c>
      <c r="B110" s="7" t="s">
        <v>90</v>
      </c>
      <c r="C110" s="8" t="s">
        <v>79</v>
      </c>
    </row>
    <row r="111" spans="1:3" s="1" customFormat="1" ht="15" x14ac:dyDescent="0.25">
      <c r="A111" s="6" t="s">
        <v>88</v>
      </c>
      <c r="B111" s="7" t="s">
        <v>91</v>
      </c>
      <c r="C111" s="8" t="s">
        <v>92</v>
      </c>
    </row>
    <row r="112" spans="1:3" s="1" customFormat="1" ht="15" x14ac:dyDescent="0.25">
      <c r="A112" s="6" t="s">
        <v>88</v>
      </c>
      <c r="B112" s="7" t="s">
        <v>93</v>
      </c>
      <c r="C112" s="8" t="s">
        <v>94</v>
      </c>
    </row>
    <row r="113" spans="1:3" s="1" customFormat="1" ht="15" x14ac:dyDescent="0.25">
      <c r="A113" s="6" t="s">
        <v>95</v>
      </c>
      <c r="B113" s="7" t="s">
        <v>2</v>
      </c>
      <c r="C113" s="8" t="s">
        <v>3</v>
      </c>
    </row>
    <row r="114" spans="1:3" s="1" customFormat="1" ht="15" x14ac:dyDescent="0.25">
      <c r="A114" s="6" t="s">
        <v>95</v>
      </c>
      <c r="B114" s="7" t="s">
        <v>4</v>
      </c>
      <c r="C114" s="8" t="s">
        <v>5</v>
      </c>
    </row>
    <row r="115" spans="1:3" s="1" customFormat="1" ht="15" x14ac:dyDescent="0.25">
      <c r="A115" s="6" t="s">
        <v>95</v>
      </c>
      <c r="B115" s="7" t="s">
        <v>117</v>
      </c>
      <c r="C115" s="8">
        <v>-0.4</v>
      </c>
    </row>
    <row r="116" spans="1:3" ht="15" x14ac:dyDescent="0.25">
      <c r="A116" s="3"/>
      <c r="C116" s="2"/>
    </row>
    <row r="119" spans="1:3" ht="15" x14ac:dyDescent="0.25">
      <c r="A119" s="3" t="s">
        <v>145</v>
      </c>
    </row>
  </sheetData>
  <pageMargins left="0.7" right="0.7" top="0.75" bottom="0.75" header="0.3" footer="0.3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FB6A7A-BA11-4B5A-BC4F-A0B0980D1BE3}">
  <dimension ref="A1:C119"/>
  <sheetViews>
    <sheetView workbookViewId="0"/>
  </sheetViews>
  <sheetFormatPr defaultRowHeight="12.75" x14ac:dyDescent="0.2"/>
  <cols>
    <col min="1" max="1" width="10.42578125" customWidth="1"/>
    <col min="2" max="2" width="93" customWidth="1"/>
    <col min="3" max="3" width="7.5703125" customWidth="1"/>
  </cols>
  <sheetData>
    <row r="1" spans="1:3" ht="15" x14ac:dyDescent="0.2">
      <c r="A1" s="4" t="s">
        <v>137</v>
      </c>
      <c r="B1" s="4" t="s">
        <v>138</v>
      </c>
      <c r="C1" s="5" t="s">
        <v>0</v>
      </c>
    </row>
    <row r="2" spans="1:3" ht="15" x14ac:dyDescent="0.25">
      <c r="A2" s="6" t="s">
        <v>1</v>
      </c>
      <c r="B2" s="7" t="s">
        <v>2</v>
      </c>
      <c r="C2" s="8" t="s">
        <v>3</v>
      </c>
    </row>
    <row r="3" spans="1:3" ht="15" x14ac:dyDescent="0.25">
      <c r="A3" s="6" t="s">
        <v>1</v>
      </c>
      <c r="B3" s="7" t="s">
        <v>4</v>
      </c>
      <c r="C3" s="8" t="s">
        <v>5</v>
      </c>
    </row>
    <row r="4" spans="1:3" ht="15" x14ac:dyDescent="0.25">
      <c r="A4" s="6" t="s">
        <v>1</v>
      </c>
      <c r="B4" s="7" t="s">
        <v>110</v>
      </c>
      <c r="C4" s="8" t="s">
        <v>35</v>
      </c>
    </row>
    <row r="5" spans="1:3" ht="15" x14ac:dyDescent="0.25">
      <c r="A5" s="6" t="s">
        <v>1</v>
      </c>
      <c r="B5" s="7" t="s">
        <v>111</v>
      </c>
      <c r="C5" s="8" t="s">
        <v>35</v>
      </c>
    </row>
    <row r="6" spans="1:3" ht="15" x14ac:dyDescent="0.25">
      <c r="A6" s="6" t="s">
        <v>1</v>
      </c>
      <c r="B6" s="7" t="s">
        <v>112</v>
      </c>
      <c r="C6" s="8" t="s">
        <v>35</v>
      </c>
    </row>
    <row r="7" spans="1:3" ht="15" x14ac:dyDescent="0.25">
      <c r="A7" s="6" t="s">
        <v>1</v>
      </c>
      <c r="B7" s="7" t="s">
        <v>113</v>
      </c>
      <c r="C7" s="8" t="s">
        <v>35</v>
      </c>
    </row>
    <row r="8" spans="1:3" ht="15" x14ac:dyDescent="0.25">
      <c r="A8" s="6" t="s">
        <v>1</v>
      </c>
      <c r="B8" s="7" t="s">
        <v>114</v>
      </c>
      <c r="C8" s="8" t="s">
        <v>35</v>
      </c>
    </row>
    <row r="9" spans="1:3" ht="15" x14ac:dyDescent="0.25">
      <c r="A9" s="6" t="s">
        <v>1</v>
      </c>
      <c r="B9" s="7" t="s">
        <v>115</v>
      </c>
      <c r="C9" s="8" t="s">
        <v>35</v>
      </c>
    </row>
    <row r="10" spans="1:3" ht="15" x14ac:dyDescent="0.25">
      <c r="A10" s="6" t="s">
        <v>1</v>
      </c>
      <c r="B10" s="7" t="s">
        <v>116</v>
      </c>
      <c r="C10" s="8" t="s">
        <v>122</v>
      </c>
    </row>
    <row r="11" spans="1:3" ht="15" x14ac:dyDescent="0.25">
      <c r="A11" s="6" t="s">
        <v>6</v>
      </c>
      <c r="B11" s="7" t="s">
        <v>7</v>
      </c>
      <c r="C11" s="8" t="s">
        <v>8</v>
      </c>
    </row>
    <row r="12" spans="1:3" ht="15" x14ac:dyDescent="0.25">
      <c r="A12" s="6" t="s">
        <v>6</v>
      </c>
      <c r="B12" s="7" t="s">
        <v>9</v>
      </c>
      <c r="C12" s="8" t="s">
        <v>10</v>
      </c>
    </row>
    <row r="13" spans="1:3" ht="15" x14ac:dyDescent="0.25">
      <c r="A13" s="6" t="s">
        <v>6</v>
      </c>
      <c r="B13" s="7" t="s">
        <v>11</v>
      </c>
      <c r="C13" s="8" t="s">
        <v>8</v>
      </c>
    </row>
    <row r="14" spans="1:3" ht="15" x14ac:dyDescent="0.25">
      <c r="A14" s="6" t="s">
        <v>6</v>
      </c>
      <c r="B14" s="7" t="s">
        <v>12</v>
      </c>
      <c r="C14" s="8" t="s">
        <v>5</v>
      </c>
    </row>
    <row r="15" spans="1:3" ht="15" x14ac:dyDescent="0.25">
      <c r="A15" s="6" t="s">
        <v>6</v>
      </c>
      <c r="B15" s="7" t="s">
        <v>13</v>
      </c>
      <c r="C15" s="8" t="s">
        <v>8</v>
      </c>
    </row>
    <row r="16" spans="1:3" ht="15" x14ac:dyDescent="0.25">
      <c r="A16" s="6" t="s">
        <v>6</v>
      </c>
      <c r="B16" s="7" t="s">
        <v>14</v>
      </c>
      <c r="C16" s="8" t="s">
        <v>5</v>
      </c>
    </row>
    <row r="17" spans="1:3" ht="15" x14ac:dyDescent="0.25">
      <c r="A17" s="6" t="s">
        <v>15</v>
      </c>
      <c r="B17" s="7" t="s">
        <v>11</v>
      </c>
      <c r="C17" s="8" t="s">
        <v>16</v>
      </c>
    </row>
    <row r="18" spans="1:3" ht="15" x14ac:dyDescent="0.25">
      <c r="A18" s="6" t="s">
        <v>15</v>
      </c>
      <c r="B18" s="7" t="s">
        <v>149</v>
      </c>
      <c r="C18" s="8" t="s">
        <v>17</v>
      </c>
    </row>
    <row r="19" spans="1:3" ht="15" x14ac:dyDescent="0.25">
      <c r="A19" s="6" t="s">
        <v>15</v>
      </c>
      <c r="B19" s="7" t="s">
        <v>13</v>
      </c>
      <c r="C19" s="8" t="s">
        <v>18</v>
      </c>
    </row>
    <row r="20" spans="1:3" ht="15" x14ac:dyDescent="0.25">
      <c r="A20" s="6" t="s">
        <v>15</v>
      </c>
      <c r="B20" s="7" t="s">
        <v>14</v>
      </c>
      <c r="C20" s="8" t="s">
        <v>5</v>
      </c>
    </row>
    <row r="21" spans="1:3" ht="15" x14ac:dyDescent="0.25">
      <c r="A21" s="6" t="s">
        <v>19</v>
      </c>
      <c r="B21" s="7" t="s">
        <v>11</v>
      </c>
      <c r="C21" s="8" t="s">
        <v>20</v>
      </c>
    </row>
    <row r="22" spans="1:3" ht="15" x14ac:dyDescent="0.25">
      <c r="A22" s="6" t="s">
        <v>19</v>
      </c>
      <c r="B22" s="7" t="s">
        <v>21</v>
      </c>
      <c r="C22" s="8" t="s">
        <v>8</v>
      </c>
    </row>
    <row r="23" spans="1:3" ht="15" x14ac:dyDescent="0.25">
      <c r="A23" s="6" t="s">
        <v>19</v>
      </c>
      <c r="B23" s="7" t="s">
        <v>12</v>
      </c>
      <c r="C23" s="8" t="s">
        <v>22</v>
      </c>
    </row>
    <row r="24" spans="1:3" ht="15" x14ac:dyDescent="0.25">
      <c r="A24" s="6" t="s">
        <v>19</v>
      </c>
      <c r="B24" s="7" t="s">
        <v>23</v>
      </c>
      <c r="C24" s="8" t="s">
        <v>17</v>
      </c>
    </row>
    <row r="25" spans="1:3" ht="15" x14ac:dyDescent="0.25">
      <c r="A25" s="6" t="s">
        <v>19</v>
      </c>
      <c r="B25" s="7" t="s">
        <v>150</v>
      </c>
      <c r="C25" s="8" t="s">
        <v>24</v>
      </c>
    </row>
    <row r="26" spans="1:3" ht="15" x14ac:dyDescent="0.25">
      <c r="A26" s="6" t="s">
        <v>19</v>
      </c>
      <c r="B26" s="7" t="s">
        <v>13</v>
      </c>
      <c r="C26" s="8" t="s">
        <v>18</v>
      </c>
    </row>
    <row r="27" spans="1:3" ht="15" x14ac:dyDescent="0.25">
      <c r="A27" s="6" t="s">
        <v>19</v>
      </c>
      <c r="B27" s="7" t="s">
        <v>25</v>
      </c>
      <c r="C27" s="8" t="s">
        <v>26</v>
      </c>
    </row>
    <row r="28" spans="1:3" ht="15" x14ac:dyDescent="0.25">
      <c r="A28" s="6" t="s">
        <v>19</v>
      </c>
      <c r="B28" s="7" t="s">
        <v>14</v>
      </c>
      <c r="C28" s="8" t="s">
        <v>27</v>
      </c>
    </row>
    <row r="29" spans="1:3" ht="15" x14ac:dyDescent="0.25">
      <c r="A29" s="6" t="s">
        <v>28</v>
      </c>
      <c r="B29" s="7" t="s">
        <v>123</v>
      </c>
      <c r="C29" s="8" t="s">
        <v>29</v>
      </c>
    </row>
    <row r="30" spans="1:3" ht="15" x14ac:dyDescent="0.25">
      <c r="A30" s="6" t="s">
        <v>28</v>
      </c>
      <c r="B30" s="7" t="s">
        <v>2</v>
      </c>
      <c r="C30" s="8" t="s">
        <v>3</v>
      </c>
    </row>
    <row r="31" spans="1:3" ht="15" x14ac:dyDescent="0.25">
      <c r="A31" s="6" t="s">
        <v>28</v>
      </c>
      <c r="B31" s="7" t="s">
        <v>4</v>
      </c>
      <c r="C31" s="8" t="s">
        <v>5</v>
      </c>
    </row>
    <row r="32" spans="1:3" ht="15" x14ac:dyDescent="0.25">
      <c r="A32" s="6" t="s">
        <v>28</v>
      </c>
      <c r="B32" s="7" t="s">
        <v>146</v>
      </c>
      <c r="C32" s="8">
        <v>-1</v>
      </c>
    </row>
    <row r="33" spans="1:3" ht="15" x14ac:dyDescent="0.25">
      <c r="A33" s="6" t="s">
        <v>28</v>
      </c>
      <c r="B33" s="7" t="s">
        <v>147</v>
      </c>
      <c r="C33" s="8">
        <v>-0.95</v>
      </c>
    </row>
    <row r="34" spans="1:3" ht="15" x14ac:dyDescent="0.25">
      <c r="A34" s="6" t="s">
        <v>28</v>
      </c>
      <c r="B34" s="7" t="s">
        <v>139</v>
      </c>
      <c r="C34" s="8" t="s">
        <v>33</v>
      </c>
    </row>
    <row r="35" spans="1:3" ht="15" x14ac:dyDescent="0.25">
      <c r="A35" s="6" t="s">
        <v>28</v>
      </c>
      <c r="B35" s="7" t="s">
        <v>34</v>
      </c>
      <c r="C35" s="8" t="s">
        <v>36</v>
      </c>
    </row>
    <row r="36" spans="1:3" ht="15" x14ac:dyDescent="0.25">
      <c r="A36" s="6" t="s">
        <v>28</v>
      </c>
      <c r="B36" s="7" t="s">
        <v>37</v>
      </c>
      <c r="C36" s="8" t="s">
        <v>5</v>
      </c>
    </row>
    <row r="37" spans="1:3" ht="15" x14ac:dyDescent="0.25">
      <c r="A37" s="6" t="s">
        <v>28</v>
      </c>
      <c r="B37" s="7" t="s">
        <v>140</v>
      </c>
      <c r="C37" s="8" t="s">
        <v>33</v>
      </c>
    </row>
    <row r="38" spans="1:3" ht="15" x14ac:dyDescent="0.25">
      <c r="A38" s="6" t="s">
        <v>38</v>
      </c>
      <c r="B38" s="7" t="s">
        <v>96</v>
      </c>
      <c r="C38" s="8" t="s">
        <v>63</v>
      </c>
    </row>
    <row r="39" spans="1:3" ht="15" x14ac:dyDescent="0.25">
      <c r="A39" s="6" t="s">
        <v>38</v>
      </c>
      <c r="B39" s="7" t="s">
        <v>39</v>
      </c>
      <c r="C39" s="8" t="s">
        <v>40</v>
      </c>
    </row>
    <row r="40" spans="1:3" ht="15" x14ac:dyDescent="0.25">
      <c r="A40" s="6" t="s">
        <v>38</v>
      </c>
      <c r="B40" s="7" t="s">
        <v>148</v>
      </c>
      <c r="C40" s="8" t="s">
        <v>41</v>
      </c>
    </row>
    <row r="41" spans="1:3" ht="15" x14ac:dyDescent="0.25">
      <c r="A41" s="6" t="s">
        <v>38</v>
      </c>
      <c r="B41" s="7" t="s">
        <v>42</v>
      </c>
      <c r="C41" s="8" t="s">
        <v>43</v>
      </c>
    </row>
    <row r="42" spans="1:3" ht="15" x14ac:dyDescent="0.25">
      <c r="A42" s="6" t="s">
        <v>38</v>
      </c>
      <c r="B42" s="7" t="s">
        <v>44</v>
      </c>
      <c r="C42" s="8" t="s">
        <v>5</v>
      </c>
    </row>
    <row r="43" spans="1:3" ht="15" x14ac:dyDescent="0.25">
      <c r="A43" s="6" t="s">
        <v>38</v>
      </c>
      <c r="B43" s="7" t="s">
        <v>45</v>
      </c>
      <c r="C43" s="8" t="s">
        <v>46</v>
      </c>
    </row>
    <row r="44" spans="1:3" ht="15" x14ac:dyDescent="0.25">
      <c r="A44" s="6" t="s">
        <v>38</v>
      </c>
      <c r="B44" s="7" t="s">
        <v>13</v>
      </c>
      <c r="C44" s="8" t="s">
        <v>5</v>
      </c>
    </row>
    <row r="45" spans="1:3" ht="15" x14ac:dyDescent="0.25">
      <c r="A45" s="6" t="s">
        <v>38</v>
      </c>
      <c r="B45" s="7" t="s">
        <v>14</v>
      </c>
      <c r="C45" s="8" t="s">
        <v>5</v>
      </c>
    </row>
    <row r="46" spans="1:3" ht="15" x14ac:dyDescent="0.25">
      <c r="A46" s="6" t="s">
        <v>47</v>
      </c>
      <c r="B46" s="7" t="s">
        <v>131</v>
      </c>
      <c r="C46" s="8" t="s">
        <v>16</v>
      </c>
    </row>
    <row r="47" spans="1:3" ht="15" x14ac:dyDescent="0.25">
      <c r="A47" s="6" t="s">
        <v>47</v>
      </c>
      <c r="B47" s="7" t="s">
        <v>132</v>
      </c>
      <c r="C47" s="8" t="s">
        <v>48</v>
      </c>
    </row>
    <row r="48" spans="1:3" ht="15" x14ac:dyDescent="0.25">
      <c r="A48" s="6" t="s">
        <v>47</v>
      </c>
      <c r="B48" s="7" t="s">
        <v>13</v>
      </c>
      <c r="C48" s="8" t="s">
        <v>5</v>
      </c>
    </row>
    <row r="49" spans="1:3" ht="15" x14ac:dyDescent="0.25">
      <c r="A49" s="6" t="s">
        <v>47</v>
      </c>
      <c r="B49" s="7" t="s">
        <v>14</v>
      </c>
      <c r="C49" s="8" t="s">
        <v>24</v>
      </c>
    </row>
    <row r="50" spans="1:3" ht="15" x14ac:dyDescent="0.25">
      <c r="A50" s="6" t="s">
        <v>49</v>
      </c>
      <c r="B50" s="7" t="s">
        <v>50</v>
      </c>
      <c r="C50" s="8" t="s">
        <v>26</v>
      </c>
    </row>
    <row r="51" spans="1:3" ht="15" x14ac:dyDescent="0.25">
      <c r="A51" s="6" t="s">
        <v>49</v>
      </c>
      <c r="B51" s="7" t="s">
        <v>51</v>
      </c>
      <c r="C51" s="8" t="s">
        <v>5</v>
      </c>
    </row>
    <row r="52" spans="1:3" ht="15" x14ac:dyDescent="0.25">
      <c r="A52" s="6" t="s">
        <v>52</v>
      </c>
      <c r="B52" s="7" t="s">
        <v>129</v>
      </c>
      <c r="C52" s="8" t="s">
        <v>30</v>
      </c>
    </row>
    <row r="53" spans="1:3" ht="15" x14ac:dyDescent="0.25">
      <c r="A53" s="6" t="s">
        <v>52</v>
      </c>
      <c r="B53" s="7" t="s">
        <v>130</v>
      </c>
      <c r="C53" s="8" t="s">
        <v>5</v>
      </c>
    </row>
    <row r="54" spans="1:3" ht="15" x14ac:dyDescent="0.25">
      <c r="A54" s="6" t="s">
        <v>52</v>
      </c>
      <c r="B54" s="7" t="s">
        <v>13</v>
      </c>
      <c r="C54" s="8">
        <v>-0.3</v>
      </c>
    </row>
    <row r="55" spans="1:3" ht="15" x14ac:dyDescent="0.25">
      <c r="A55" s="6" t="s">
        <v>52</v>
      </c>
      <c r="B55" s="7" t="s">
        <v>53</v>
      </c>
      <c r="C55" s="8" t="s">
        <v>54</v>
      </c>
    </row>
    <row r="56" spans="1:3" ht="15" x14ac:dyDescent="0.25">
      <c r="A56" s="6" t="s">
        <v>52</v>
      </c>
      <c r="B56" s="7" t="s">
        <v>55</v>
      </c>
      <c r="C56" s="8" t="s">
        <v>5</v>
      </c>
    </row>
    <row r="57" spans="1:3" ht="15" x14ac:dyDescent="0.25">
      <c r="A57" s="6" t="s">
        <v>56</v>
      </c>
      <c r="B57" s="7" t="s">
        <v>11</v>
      </c>
      <c r="C57" s="8" t="s">
        <v>57</v>
      </c>
    </row>
    <row r="58" spans="1:3" ht="15" x14ac:dyDescent="0.25">
      <c r="A58" s="6" t="s">
        <v>56</v>
      </c>
      <c r="B58" s="7" t="s">
        <v>12</v>
      </c>
      <c r="C58" s="8" t="s">
        <v>31</v>
      </c>
    </row>
    <row r="59" spans="1:3" ht="15" x14ac:dyDescent="0.25">
      <c r="A59" s="6" t="s">
        <v>56</v>
      </c>
      <c r="B59" s="7" t="s">
        <v>13</v>
      </c>
      <c r="C59" s="8">
        <v>-0.8</v>
      </c>
    </row>
    <row r="60" spans="1:3" ht="15" x14ac:dyDescent="0.25">
      <c r="A60" s="6" t="s">
        <v>56</v>
      </c>
      <c r="B60" s="7" t="s">
        <v>14</v>
      </c>
      <c r="C60" s="8">
        <v>-0.45</v>
      </c>
    </row>
    <row r="61" spans="1:3" ht="15" x14ac:dyDescent="0.25">
      <c r="A61" s="6" t="s">
        <v>58</v>
      </c>
      <c r="B61" s="7" t="s">
        <v>118</v>
      </c>
      <c r="C61" s="8" t="s">
        <v>35</v>
      </c>
    </row>
    <row r="62" spans="1:3" ht="15" x14ac:dyDescent="0.25">
      <c r="A62" s="6" t="s">
        <v>58</v>
      </c>
      <c r="B62" s="7" t="s">
        <v>119</v>
      </c>
      <c r="C62" s="8" t="s">
        <v>29</v>
      </c>
    </row>
    <row r="63" spans="1:3" ht="15" x14ac:dyDescent="0.25">
      <c r="A63" s="6" t="s">
        <v>58</v>
      </c>
      <c r="B63" s="7" t="s">
        <v>120</v>
      </c>
      <c r="C63" s="8" t="s">
        <v>79</v>
      </c>
    </row>
    <row r="64" spans="1:3" ht="15" x14ac:dyDescent="0.25">
      <c r="A64" s="6" t="s">
        <v>58</v>
      </c>
      <c r="B64" s="7" t="s">
        <v>121</v>
      </c>
      <c r="C64" s="8" t="s">
        <v>24</v>
      </c>
    </row>
    <row r="65" spans="1:3" ht="15" x14ac:dyDescent="0.25">
      <c r="A65" s="6" t="s">
        <v>58</v>
      </c>
      <c r="B65" s="7" t="s">
        <v>59</v>
      </c>
      <c r="C65" s="8" t="s">
        <v>60</v>
      </c>
    </row>
    <row r="66" spans="1:3" ht="15" x14ac:dyDescent="0.25">
      <c r="A66" s="6" t="s">
        <v>58</v>
      </c>
      <c r="B66" s="7" t="s">
        <v>61</v>
      </c>
      <c r="C66" s="8" t="s">
        <v>40</v>
      </c>
    </row>
    <row r="67" spans="1:3" ht="15" x14ac:dyDescent="0.25">
      <c r="A67" s="6" t="s">
        <v>58</v>
      </c>
      <c r="B67" s="7" t="s">
        <v>62</v>
      </c>
      <c r="C67" s="8" t="s">
        <v>92</v>
      </c>
    </row>
    <row r="68" spans="1:3" ht="15" x14ac:dyDescent="0.25">
      <c r="A68" s="6" t="s">
        <v>58</v>
      </c>
      <c r="B68" s="7" t="s">
        <v>64</v>
      </c>
      <c r="C68" s="8" t="s">
        <v>79</v>
      </c>
    </row>
    <row r="69" spans="1:3" ht="15" x14ac:dyDescent="0.25">
      <c r="A69" s="6" t="s">
        <v>58</v>
      </c>
      <c r="B69" s="7" t="s">
        <v>66</v>
      </c>
      <c r="C69" s="8" t="s">
        <v>67</v>
      </c>
    </row>
    <row r="70" spans="1:3" ht="15" x14ac:dyDescent="0.25">
      <c r="A70" s="6" t="s">
        <v>58</v>
      </c>
      <c r="B70" s="7" t="s">
        <v>68</v>
      </c>
      <c r="C70" s="8" t="s">
        <v>71</v>
      </c>
    </row>
    <row r="71" spans="1:3" ht="15" x14ac:dyDescent="0.25">
      <c r="A71" s="6" t="s">
        <v>69</v>
      </c>
      <c r="B71" s="7" t="s">
        <v>104</v>
      </c>
      <c r="C71" s="8">
        <v>-1.1000000000000001</v>
      </c>
    </row>
    <row r="72" spans="1:3" ht="15" x14ac:dyDescent="0.25">
      <c r="A72" s="6" t="s">
        <v>69</v>
      </c>
      <c r="B72" s="7" t="s">
        <v>105</v>
      </c>
      <c r="C72" s="8" t="s">
        <v>35</v>
      </c>
    </row>
    <row r="73" spans="1:3" ht="15" x14ac:dyDescent="0.25">
      <c r="A73" s="6" t="s">
        <v>69</v>
      </c>
      <c r="B73" s="7" t="s">
        <v>106</v>
      </c>
      <c r="C73" s="8">
        <v>-0.47</v>
      </c>
    </row>
    <row r="74" spans="1:3" ht="15" x14ac:dyDescent="0.25">
      <c r="A74" s="6" t="s">
        <v>69</v>
      </c>
      <c r="B74" s="7" t="s">
        <v>107</v>
      </c>
      <c r="C74" s="8" t="s">
        <v>35</v>
      </c>
    </row>
    <row r="75" spans="1:3" ht="15" x14ac:dyDescent="0.25">
      <c r="A75" s="6" t="s">
        <v>69</v>
      </c>
      <c r="B75" s="7" t="s">
        <v>14</v>
      </c>
      <c r="C75" s="8">
        <v>-0.12</v>
      </c>
    </row>
    <row r="76" spans="1:3" ht="15" x14ac:dyDescent="0.25">
      <c r="A76" s="6" t="s">
        <v>69</v>
      </c>
      <c r="B76" s="7" t="s">
        <v>11</v>
      </c>
      <c r="C76" s="8" t="s">
        <v>70</v>
      </c>
    </row>
    <row r="77" spans="1:3" ht="15" x14ac:dyDescent="0.25">
      <c r="A77" s="6" t="s">
        <v>69</v>
      </c>
      <c r="B77" s="7" t="s">
        <v>12</v>
      </c>
      <c r="C77" s="8" t="s">
        <v>71</v>
      </c>
    </row>
    <row r="78" spans="1:3" ht="15" x14ac:dyDescent="0.25">
      <c r="A78" s="6" t="s">
        <v>72</v>
      </c>
      <c r="B78" s="7" t="s">
        <v>2</v>
      </c>
      <c r="C78" s="8" t="s">
        <v>3</v>
      </c>
    </row>
    <row r="79" spans="1:3" ht="15" x14ac:dyDescent="0.25">
      <c r="A79" s="6" t="s">
        <v>72</v>
      </c>
      <c r="B79" s="7" t="s">
        <v>4</v>
      </c>
      <c r="C79" s="8" t="s">
        <v>5</v>
      </c>
    </row>
    <row r="80" spans="1:3" ht="15" x14ac:dyDescent="0.25">
      <c r="A80" s="6" t="s">
        <v>72</v>
      </c>
      <c r="B80" s="7" t="s">
        <v>34</v>
      </c>
      <c r="C80" s="8" t="s">
        <v>26</v>
      </c>
    </row>
    <row r="81" spans="1:3" ht="15" x14ac:dyDescent="0.25">
      <c r="A81" s="6" t="s">
        <v>72</v>
      </c>
      <c r="B81" s="7" t="s">
        <v>73</v>
      </c>
      <c r="C81" s="8" t="s">
        <v>5</v>
      </c>
    </row>
    <row r="82" spans="1:3" ht="15" x14ac:dyDescent="0.25">
      <c r="A82" s="6" t="s">
        <v>72</v>
      </c>
      <c r="B82" s="7" t="s">
        <v>108</v>
      </c>
      <c r="C82" s="8" t="s">
        <v>109</v>
      </c>
    </row>
    <row r="83" spans="1:3" ht="15" x14ac:dyDescent="0.25">
      <c r="A83" s="6" t="s">
        <v>72</v>
      </c>
      <c r="B83" s="7" t="s">
        <v>141</v>
      </c>
      <c r="C83" s="8" t="s">
        <v>65</v>
      </c>
    </row>
    <row r="84" spans="1:3" ht="15" x14ac:dyDescent="0.25">
      <c r="A84" s="6" t="s">
        <v>72</v>
      </c>
      <c r="B84" s="7" t="s">
        <v>142</v>
      </c>
      <c r="C84" s="8" t="s">
        <v>75</v>
      </c>
    </row>
    <row r="85" spans="1:3" ht="15" x14ac:dyDescent="0.25">
      <c r="A85" s="6" t="s">
        <v>72</v>
      </c>
      <c r="B85" s="7" t="s">
        <v>143</v>
      </c>
      <c r="C85" s="8" t="s">
        <v>76</v>
      </c>
    </row>
    <row r="86" spans="1:3" ht="15" x14ac:dyDescent="0.25">
      <c r="A86" s="6" t="s">
        <v>72</v>
      </c>
      <c r="B86" s="7" t="s">
        <v>144</v>
      </c>
      <c r="C86" s="8" t="s">
        <v>29</v>
      </c>
    </row>
    <row r="87" spans="1:3" ht="15" x14ac:dyDescent="0.25">
      <c r="A87" s="6" t="s">
        <v>77</v>
      </c>
      <c r="B87" s="7" t="s">
        <v>78</v>
      </c>
      <c r="C87" s="8" t="s">
        <v>79</v>
      </c>
    </row>
    <row r="88" spans="1:3" ht="15" x14ac:dyDescent="0.25">
      <c r="A88" s="6" t="s">
        <v>77</v>
      </c>
      <c r="B88" s="7" t="s">
        <v>11</v>
      </c>
      <c r="C88" s="8" t="s">
        <v>80</v>
      </c>
    </row>
    <row r="89" spans="1:3" ht="15" x14ac:dyDescent="0.25">
      <c r="A89" s="6" t="s">
        <v>77</v>
      </c>
      <c r="B89" s="7" t="s">
        <v>81</v>
      </c>
      <c r="C89" s="8" t="s">
        <v>5</v>
      </c>
    </row>
    <row r="90" spans="1:3" ht="15" x14ac:dyDescent="0.25">
      <c r="A90" s="6" t="s">
        <v>77</v>
      </c>
      <c r="B90" s="7" t="s">
        <v>103</v>
      </c>
      <c r="C90" s="8" t="s">
        <v>35</v>
      </c>
    </row>
    <row r="91" spans="1:3" ht="15" x14ac:dyDescent="0.25">
      <c r="A91" s="6" t="s">
        <v>77</v>
      </c>
      <c r="B91" s="7" t="s">
        <v>82</v>
      </c>
      <c r="C91" s="8" t="s">
        <v>24</v>
      </c>
    </row>
    <row r="92" spans="1:3" ht="15" x14ac:dyDescent="0.25">
      <c r="A92" s="6" t="s">
        <v>83</v>
      </c>
      <c r="B92" s="7" t="s">
        <v>2</v>
      </c>
      <c r="C92" s="8" t="s">
        <v>3</v>
      </c>
    </row>
    <row r="93" spans="1:3" ht="15" x14ac:dyDescent="0.25">
      <c r="A93" s="6" t="s">
        <v>83</v>
      </c>
      <c r="B93" s="7" t="s">
        <v>4</v>
      </c>
      <c r="C93" s="8" t="s">
        <v>5</v>
      </c>
    </row>
    <row r="94" spans="1:3" ht="15" x14ac:dyDescent="0.25">
      <c r="A94" s="6" t="s">
        <v>83</v>
      </c>
      <c r="B94" s="7" t="s">
        <v>99</v>
      </c>
      <c r="C94" s="8" t="s">
        <v>35</v>
      </c>
    </row>
    <row r="95" spans="1:3" ht="15" x14ac:dyDescent="0.25">
      <c r="A95" s="6" t="s">
        <v>83</v>
      </c>
      <c r="B95" s="7" t="s">
        <v>100</v>
      </c>
      <c r="C95" s="8" t="s">
        <v>35</v>
      </c>
    </row>
    <row r="96" spans="1:3" ht="15" x14ac:dyDescent="0.25">
      <c r="A96" s="6" t="s">
        <v>83</v>
      </c>
      <c r="B96" s="7" t="s">
        <v>124</v>
      </c>
      <c r="C96" s="8" t="s">
        <v>76</v>
      </c>
    </row>
    <row r="97" spans="1:3" ht="15" x14ac:dyDescent="0.25">
      <c r="A97" s="6" t="s">
        <v>83</v>
      </c>
      <c r="B97" s="7" t="s">
        <v>125</v>
      </c>
      <c r="C97" s="8" t="s">
        <v>29</v>
      </c>
    </row>
    <row r="98" spans="1:3" ht="15" x14ac:dyDescent="0.25">
      <c r="A98" s="6" t="s">
        <v>83</v>
      </c>
      <c r="B98" s="7" t="s">
        <v>101</v>
      </c>
      <c r="C98" s="8" t="s">
        <v>26</v>
      </c>
    </row>
    <row r="99" spans="1:3" ht="15" x14ac:dyDescent="0.25">
      <c r="A99" s="6" t="s">
        <v>83</v>
      </c>
      <c r="B99" s="7" t="s">
        <v>84</v>
      </c>
      <c r="C99" s="8" t="s">
        <v>26</v>
      </c>
    </row>
    <row r="100" spans="1:3" ht="15" x14ac:dyDescent="0.25">
      <c r="A100" s="6" t="s">
        <v>83</v>
      </c>
      <c r="B100" s="7" t="s">
        <v>126</v>
      </c>
      <c r="C100" s="8" t="s">
        <v>29</v>
      </c>
    </row>
    <row r="101" spans="1:3" ht="15" x14ac:dyDescent="0.25">
      <c r="A101" s="6" t="s">
        <v>83</v>
      </c>
      <c r="B101" s="7" t="s">
        <v>102</v>
      </c>
      <c r="C101" s="8" t="s">
        <v>5</v>
      </c>
    </row>
    <row r="102" spans="1:3" ht="15" x14ac:dyDescent="0.25">
      <c r="A102" s="6" t="s">
        <v>83</v>
      </c>
      <c r="B102" s="7" t="s">
        <v>85</v>
      </c>
      <c r="C102" s="8" t="s">
        <v>5</v>
      </c>
    </row>
    <row r="103" spans="1:3" ht="15" x14ac:dyDescent="0.25">
      <c r="A103" s="6" t="s">
        <v>83</v>
      </c>
      <c r="B103" s="7" t="s">
        <v>127</v>
      </c>
      <c r="C103" s="8" t="s">
        <v>74</v>
      </c>
    </row>
    <row r="104" spans="1:3" ht="15" x14ac:dyDescent="0.25">
      <c r="A104" s="6" t="s">
        <v>83</v>
      </c>
      <c r="B104" s="7" t="s">
        <v>128</v>
      </c>
      <c r="C104" s="8" t="s">
        <v>29</v>
      </c>
    </row>
    <row r="105" spans="1:3" ht="15" x14ac:dyDescent="0.25">
      <c r="A105" s="6" t="s">
        <v>83</v>
      </c>
      <c r="B105" s="7" t="s">
        <v>97</v>
      </c>
      <c r="C105" s="8" t="s">
        <v>26</v>
      </c>
    </row>
    <row r="106" spans="1:3" ht="15" x14ac:dyDescent="0.25">
      <c r="A106" s="6" t="s">
        <v>83</v>
      </c>
      <c r="B106" s="7" t="s">
        <v>98</v>
      </c>
      <c r="C106" s="8" t="s">
        <v>5</v>
      </c>
    </row>
    <row r="107" spans="1:3" ht="15" x14ac:dyDescent="0.25">
      <c r="A107" s="6" t="s">
        <v>83</v>
      </c>
      <c r="B107" s="7" t="s">
        <v>86</v>
      </c>
      <c r="C107" s="8" t="s">
        <v>26</v>
      </c>
    </row>
    <row r="108" spans="1:3" ht="15" x14ac:dyDescent="0.25">
      <c r="A108" s="6" t="s">
        <v>83</v>
      </c>
      <c r="B108" s="7" t="s">
        <v>87</v>
      </c>
      <c r="C108" s="8" t="s">
        <v>5</v>
      </c>
    </row>
    <row r="109" spans="1:3" ht="15" x14ac:dyDescent="0.25">
      <c r="A109" s="6" t="s">
        <v>88</v>
      </c>
      <c r="B109" s="7" t="s">
        <v>89</v>
      </c>
      <c r="C109" s="8" t="s">
        <v>70</v>
      </c>
    </row>
    <row r="110" spans="1:3" ht="15" x14ac:dyDescent="0.25">
      <c r="A110" s="6" t="s">
        <v>88</v>
      </c>
      <c r="B110" s="7" t="s">
        <v>90</v>
      </c>
      <c r="C110" s="8" t="s">
        <v>79</v>
      </c>
    </row>
    <row r="111" spans="1:3" ht="15" x14ac:dyDescent="0.25">
      <c r="A111" s="6" t="s">
        <v>88</v>
      </c>
      <c r="B111" s="7" t="s">
        <v>91</v>
      </c>
      <c r="C111" s="8" t="s">
        <v>92</v>
      </c>
    </row>
    <row r="112" spans="1:3" ht="15" x14ac:dyDescent="0.25">
      <c r="A112" s="6" t="s">
        <v>88</v>
      </c>
      <c r="B112" s="7" t="s">
        <v>93</v>
      </c>
      <c r="C112" s="8" t="s">
        <v>94</v>
      </c>
    </row>
    <row r="113" spans="1:3" ht="15" x14ac:dyDescent="0.25">
      <c r="A113" s="6" t="s">
        <v>95</v>
      </c>
      <c r="B113" s="7" t="s">
        <v>2</v>
      </c>
      <c r="C113" s="8" t="s">
        <v>3</v>
      </c>
    </row>
    <row r="114" spans="1:3" ht="15" x14ac:dyDescent="0.25">
      <c r="A114" s="6" t="s">
        <v>95</v>
      </c>
      <c r="B114" s="7" t="s">
        <v>4</v>
      </c>
      <c r="C114" s="9" t="s">
        <v>5</v>
      </c>
    </row>
    <row r="115" spans="1:3" ht="15" x14ac:dyDescent="0.25">
      <c r="A115" s="6" t="s">
        <v>95</v>
      </c>
      <c r="B115" s="7" t="s">
        <v>117</v>
      </c>
      <c r="C115" s="9">
        <v>-0.4</v>
      </c>
    </row>
    <row r="116" spans="1:3" ht="15" x14ac:dyDescent="0.25">
      <c r="A116" s="3"/>
      <c r="C116" s="2"/>
    </row>
    <row r="119" spans="1:3" ht="15" x14ac:dyDescent="0.25">
      <c r="A119" s="3" t="s">
        <v>145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794A1-0580-434F-9476-A673F0A57B7B}">
  <dimension ref="A1:C119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/>
    </sheetView>
  </sheetViews>
  <sheetFormatPr defaultRowHeight="12.75" x14ac:dyDescent="0.2"/>
  <cols>
    <col min="1" max="1" width="10.42578125" customWidth="1"/>
    <col min="2" max="2" width="93" customWidth="1"/>
    <col min="3" max="3" width="7.5703125" customWidth="1"/>
  </cols>
  <sheetData>
    <row r="1" spans="1:3" ht="15" x14ac:dyDescent="0.2">
      <c r="A1" s="4" t="s">
        <v>137</v>
      </c>
      <c r="B1" s="4" t="s">
        <v>138</v>
      </c>
      <c r="C1" s="5" t="s">
        <v>0</v>
      </c>
    </row>
    <row r="2" spans="1:3" ht="15" x14ac:dyDescent="0.25">
      <c r="A2" s="6" t="s">
        <v>1</v>
      </c>
      <c r="B2" s="7" t="s">
        <v>2</v>
      </c>
      <c r="C2" s="8" t="s">
        <v>3</v>
      </c>
    </row>
    <row r="3" spans="1:3" ht="15" x14ac:dyDescent="0.25">
      <c r="A3" s="6" t="s">
        <v>1</v>
      </c>
      <c r="B3" s="7" t="s">
        <v>4</v>
      </c>
      <c r="C3" s="8" t="s">
        <v>5</v>
      </c>
    </row>
    <row r="4" spans="1:3" ht="15" x14ac:dyDescent="0.25">
      <c r="A4" s="6" t="s">
        <v>1</v>
      </c>
      <c r="B4" s="7" t="s">
        <v>110</v>
      </c>
      <c r="C4" s="8" t="s">
        <v>35</v>
      </c>
    </row>
    <row r="5" spans="1:3" ht="15" x14ac:dyDescent="0.25">
      <c r="A5" s="6" t="s">
        <v>1</v>
      </c>
      <c r="B5" s="7" t="s">
        <v>111</v>
      </c>
      <c r="C5" s="8" t="s">
        <v>35</v>
      </c>
    </row>
    <row r="6" spans="1:3" ht="15" x14ac:dyDescent="0.25">
      <c r="A6" s="6" t="s">
        <v>1</v>
      </c>
      <c r="B6" s="7" t="s">
        <v>112</v>
      </c>
      <c r="C6" s="8" t="s">
        <v>35</v>
      </c>
    </row>
    <row r="7" spans="1:3" ht="15" x14ac:dyDescent="0.25">
      <c r="A7" s="6" t="s">
        <v>1</v>
      </c>
      <c r="B7" s="7" t="s">
        <v>113</v>
      </c>
      <c r="C7" s="8" t="s">
        <v>35</v>
      </c>
    </row>
    <row r="8" spans="1:3" ht="15" x14ac:dyDescent="0.25">
      <c r="A8" s="6" t="s">
        <v>1</v>
      </c>
      <c r="B8" s="7" t="s">
        <v>114</v>
      </c>
      <c r="C8" s="8" t="s">
        <v>35</v>
      </c>
    </row>
    <row r="9" spans="1:3" ht="15" x14ac:dyDescent="0.25">
      <c r="A9" s="6" t="s">
        <v>1</v>
      </c>
      <c r="B9" s="7" t="s">
        <v>115</v>
      </c>
      <c r="C9" s="8" t="s">
        <v>18</v>
      </c>
    </row>
    <row r="10" spans="1:3" ht="15" x14ac:dyDescent="0.25">
      <c r="A10" s="6" t="s">
        <v>1</v>
      </c>
      <c r="B10" s="7" t="s">
        <v>116</v>
      </c>
      <c r="C10" s="8" t="s">
        <v>122</v>
      </c>
    </row>
    <row r="11" spans="1:3" ht="15" x14ac:dyDescent="0.25">
      <c r="A11" s="6" t="s">
        <v>6</v>
      </c>
      <c r="B11" s="7" t="s">
        <v>7</v>
      </c>
      <c r="C11" s="8" t="s">
        <v>8</v>
      </c>
    </row>
    <row r="12" spans="1:3" ht="15" x14ac:dyDescent="0.25">
      <c r="A12" s="6" t="s">
        <v>6</v>
      </c>
      <c r="B12" s="7" t="s">
        <v>9</v>
      </c>
      <c r="C12" s="8" t="s">
        <v>10</v>
      </c>
    </row>
    <row r="13" spans="1:3" ht="15" x14ac:dyDescent="0.25">
      <c r="A13" s="6" t="s">
        <v>6</v>
      </c>
      <c r="B13" s="7" t="s">
        <v>11</v>
      </c>
      <c r="C13" s="8" t="s">
        <v>8</v>
      </c>
    </row>
    <row r="14" spans="1:3" ht="15" x14ac:dyDescent="0.25">
      <c r="A14" s="6" t="s">
        <v>6</v>
      </c>
      <c r="B14" s="7" t="s">
        <v>12</v>
      </c>
      <c r="C14" s="8" t="s">
        <v>5</v>
      </c>
    </row>
    <row r="15" spans="1:3" ht="15" x14ac:dyDescent="0.25">
      <c r="A15" s="6" t="s">
        <v>6</v>
      </c>
      <c r="B15" s="7" t="s">
        <v>13</v>
      </c>
      <c r="C15" s="8" t="s">
        <v>8</v>
      </c>
    </row>
    <row r="16" spans="1:3" ht="15" x14ac:dyDescent="0.25">
      <c r="A16" s="6" t="s">
        <v>6</v>
      </c>
      <c r="B16" s="7" t="s">
        <v>14</v>
      </c>
      <c r="C16" s="8" t="s">
        <v>5</v>
      </c>
    </row>
    <row r="17" spans="1:3" ht="15" x14ac:dyDescent="0.25">
      <c r="A17" s="6" t="s">
        <v>15</v>
      </c>
      <c r="B17" s="7" t="s">
        <v>11</v>
      </c>
      <c r="C17" s="8" t="s">
        <v>16</v>
      </c>
    </row>
    <row r="18" spans="1:3" ht="15" x14ac:dyDescent="0.25">
      <c r="A18" s="6" t="s">
        <v>15</v>
      </c>
      <c r="B18" s="7" t="s">
        <v>149</v>
      </c>
      <c r="C18" s="8" t="s">
        <v>17</v>
      </c>
    </row>
    <row r="19" spans="1:3" ht="15" x14ac:dyDescent="0.25">
      <c r="A19" s="6" t="s">
        <v>15</v>
      </c>
      <c r="B19" s="7" t="s">
        <v>13</v>
      </c>
      <c r="C19" s="8" t="s">
        <v>18</v>
      </c>
    </row>
    <row r="20" spans="1:3" ht="15" x14ac:dyDescent="0.25">
      <c r="A20" s="6" t="s">
        <v>15</v>
      </c>
      <c r="B20" s="7" t="s">
        <v>14</v>
      </c>
      <c r="C20" s="8" t="s">
        <v>5</v>
      </c>
    </row>
    <row r="21" spans="1:3" ht="15" x14ac:dyDescent="0.25">
      <c r="A21" s="6" t="s">
        <v>19</v>
      </c>
      <c r="B21" s="7" t="s">
        <v>11</v>
      </c>
      <c r="C21" s="8" t="s">
        <v>20</v>
      </c>
    </row>
    <row r="22" spans="1:3" ht="15" x14ac:dyDescent="0.25">
      <c r="A22" s="6" t="s">
        <v>19</v>
      </c>
      <c r="B22" s="7" t="s">
        <v>21</v>
      </c>
      <c r="C22" s="8" t="s">
        <v>8</v>
      </c>
    </row>
    <row r="23" spans="1:3" ht="15" x14ac:dyDescent="0.25">
      <c r="A23" s="6" t="s">
        <v>19</v>
      </c>
      <c r="B23" s="7" t="s">
        <v>12</v>
      </c>
      <c r="C23" s="8" t="s">
        <v>22</v>
      </c>
    </row>
    <row r="24" spans="1:3" ht="15" x14ac:dyDescent="0.25">
      <c r="A24" s="6" t="s">
        <v>19</v>
      </c>
      <c r="B24" s="7" t="s">
        <v>23</v>
      </c>
      <c r="C24" s="8" t="s">
        <v>17</v>
      </c>
    </row>
    <row r="25" spans="1:3" ht="15" x14ac:dyDescent="0.25">
      <c r="A25" s="6" t="s">
        <v>19</v>
      </c>
      <c r="B25" s="7" t="s">
        <v>150</v>
      </c>
      <c r="C25" s="8" t="s">
        <v>24</v>
      </c>
    </row>
    <row r="26" spans="1:3" ht="15" x14ac:dyDescent="0.25">
      <c r="A26" s="6" t="s">
        <v>19</v>
      </c>
      <c r="B26" s="7" t="s">
        <v>13</v>
      </c>
      <c r="C26" s="8" t="s">
        <v>18</v>
      </c>
    </row>
    <row r="27" spans="1:3" ht="15" x14ac:dyDescent="0.25">
      <c r="A27" s="6" t="s">
        <v>19</v>
      </c>
      <c r="B27" s="7" t="s">
        <v>25</v>
      </c>
      <c r="C27" s="8" t="s">
        <v>26</v>
      </c>
    </row>
    <row r="28" spans="1:3" ht="15" x14ac:dyDescent="0.25">
      <c r="A28" s="6" t="s">
        <v>19</v>
      </c>
      <c r="B28" s="7" t="s">
        <v>14</v>
      </c>
      <c r="C28" s="8" t="s">
        <v>27</v>
      </c>
    </row>
    <row r="29" spans="1:3" ht="15" x14ac:dyDescent="0.25">
      <c r="A29" s="6" t="s">
        <v>28</v>
      </c>
      <c r="B29" s="7" t="s">
        <v>123</v>
      </c>
      <c r="C29" s="8" t="s">
        <v>29</v>
      </c>
    </row>
    <row r="30" spans="1:3" ht="15" x14ac:dyDescent="0.25">
      <c r="A30" s="6" t="s">
        <v>28</v>
      </c>
      <c r="B30" s="7" t="s">
        <v>2</v>
      </c>
      <c r="C30" s="8" t="s">
        <v>3</v>
      </c>
    </row>
    <row r="31" spans="1:3" ht="15" x14ac:dyDescent="0.25">
      <c r="A31" s="6" t="s">
        <v>28</v>
      </c>
      <c r="B31" s="7" t="s">
        <v>4</v>
      </c>
      <c r="C31" s="8" t="s">
        <v>5</v>
      </c>
    </row>
    <row r="32" spans="1:3" ht="15" x14ac:dyDescent="0.25">
      <c r="A32" s="6" t="s">
        <v>28</v>
      </c>
      <c r="B32" s="7" t="s">
        <v>133</v>
      </c>
      <c r="C32" s="8" t="s">
        <v>30</v>
      </c>
    </row>
    <row r="33" spans="1:3" ht="15" x14ac:dyDescent="0.25">
      <c r="A33" s="6" t="s">
        <v>28</v>
      </c>
      <c r="B33" s="7" t="s">
        <v>134</v>
      </c>
      <c r="C33" s="8" t="s">
        <v>31</v>
      </c>
    </row>
    <row r="34" spans="1:3" ht="15" x14ac:dyDescent="0.25">
      <c r="A34" s="6" t="s">
        <v>28</v>
      </c>
      <c r="B34" s="7" t="s">
        <v>135</v>
      </c>
      <c r="C34" s="8" t="s">
        <v>32</v>
      </c>
    </row>
    <row r="35" spans="1:3" ht="15" x14ac:dyDescent="0.25">
      <c r="A35" s="6" t="s">
        <v>28</v>
      </c>
      <c r="B35" s="7" t="s">
        <v>34</v>
      </c>
      <c r="C35" s="8" t="s">
        <v>36</v>
      </c>
    </row>
    <row r="36" spans="1:3" ht="15" x14ac:dyDescent="0.25">
      <c r="A36" s="6" t="s">
        <v>28</v>
      </c>
      <c r="B36" s="7" t="s">
        <v>37</v>
      </c>
      <c r="C36" s="8" t="s">
        <v>5</v>
      </c>
    </row>
    <row r="37" spans="1:3" ht="15" x14ac:dyDescent="0.25">
      <c r="A37" s="6" t="s">
        <v>28</v>
      </c>
      <c r="B37" s="7" t="s">
        <v>136</v>
      </c>
      <c r="C37" s="8" t="s">
        <v>32</v>
      </c>
    </row>
    <row r="38" spans="1:3" ht="15" x14ac:dyDescent="0.25">
      <c r="A38" s="6" t="s">
        <v>38</v>
      </c>
      <c r="B38" s="7" t="s">
        <v>96</v>
      </c>
      <c r="C38" s="8" t="s">
        <v>63</v>
      </c>
    </row>
    <row r="39" spans="1:3" ht="15" x14ac:dyDescent="0.25">
      <c r="A39" s="6" t="s">
        <v>38</v>
      </c>
      <c r="B39" s="7" t="s">
        <v>39</v>
      </c>
      <c r="C39" s="8" t="s">
        <v>40</v>
      </c>
    </row>
    <row r="40" spans="1:3" ht="15" x14ac:dyDescent="0.25">
      <c r="A40" s="6" t="s">
        <v>38</v>
      </c>
      <c r="B40" s="7" t="s">
        <v>148</v>
      </c>
      <c r="C40" s="8" t="s">
        <v>41</v>
      </c>
    </row>
    <row r="41" spans="1:3" ht="15" x14ac:dyDescent="0.25">
      <c r="A41" s="6" t="s">
        <v>38</v>
      </c>
      <c r="B41" s="7" t="s">
        <v>42</v>
      </c>
      <c r="C41" s="8" t="s">
        <v>43</v>
      </c>
    </row>
    <row r="42" spans="1:3" ht="15" x14ac:dyDescent="0.25">
      <c r="A42" s="6" t="s">
        <v>38</v>
      </c>
      <c r="B42" s="7" t="s">
        <v>44</v>
      </c>
      <c r="C42" s="8" t="s">
        <v>5</v>
      </c>
    </row>
    <row r="43" spans="1:3" ht="15" x14ac:dyDescent="0.25">
      <c r="A43" s="6" t="s">
        <v>38</v>
      </c>
      <c r="B43" s="7" t="s">
        <v>45</v>
      </c>
      <c r="C43" s="8" t="s">
        <v>46</v>
      </c>
    </row>
    <row r="44" spans="1:3" ht="15" x14ac:dyDescent="0.25">
      <c r="A44" s="6" t="s">
        <v>38</v>
      </c>
      <c r="B44" s="7" t="s">
        <v>13</v>
      </c>
      <c r="C44" s="8" t="s">
        <v>5</v>
      </c>
    </row>
    <row r="45" spans="1:3" ht="15" x14ac:dyDescent="0.25">
      <c r="A45" s="6" t="s">
        <v>38</v>
      </c>
      <c r="B45" s="7" t="s">
        <v>14</v>
      </c>
      <c r="C45" s="8" t="s">
        <v>5</v>
      </c>
    </row>
    <row r="46" spans="1:3" ht="15" x14ac:dyDescent="0.25">
      <c r="A46" s="6" t="s">
        <v>47</v>
      </c>
      <c r="B46" s="7" t="s">
        <v>131</v>
      </c>
      <c r="C46" s="8" t="s">
        <v>16</v>
      </c>
    </row>
    <row r="47" spans="1:3" ht="15" x14ac:dyDescent="0.25">
      <c r="A47" s="6" t="s">
        <v>47</v>
      </c>
      <c r="B47" s="7" t="s">
        <v>132</v>
      </c>
      <c r="C47" s="8" t="s">
        <v>48</v>
      </c>
    </row>
    <row r="48" spans="1:3" ht="15" x14ac:dyDescent="0.25">
      <c r="A48" s="6" t="s">
        <v>47</v>
      </c>
      <c r="B48" s="7" t="s">
        <v>13</v>
      </c>
      <c r="C48" s="8" t="s">
        <v>5</v>
      </c>
    </row>
    <row r="49" spans="1:3" ht="15" x14ac:dyDescent="0.25">
      <c r="A49" s="6" t="s">
        <v>47</v>
      </c>
      <c r="B49" s="7" t="s">
        <v>14</v>
      </c>
      <c r="C49" s="8" t="s">
        <v>24</v>
      </c>
    </row>
    <row r="50" spans="1:3" ht="15" x14ac:dyDescent="0.25">
      <c r="A50" s="6" t="s">
        <v>49</v>
      </c>
      <c r="B50" s="7" t="s">
        <v>50</v>
      </c>
      <c r="C50" s="8" t="s">
        <v>26</v>
      </c>
    </row>
    <row r="51" spans="1:3" ht="15" x14ac:dyDescent="0.25">
      <c r="A51" s="6" t="s">
        <v>49</v>
      </c>
      <c r="B51" s="7" t="s">
        <v>51</v>
      </c>
      <c r="C51" s="8" t="s">
        <v>5</v>
      </c>
    </row>
    <row r="52" spans="1:3" ht="15" x14ac:dyDescent="0.25">
      <c r="A52" s="6" t="s">
        <v>52</v>
      </c>
      <c r="B52" s="7" t="s">
        <v>129</v>
      </c>
      <c r="C52" s="8" t="s">
        <v>30</v>
      </c>
    </row>
    <row r="53" spans="1:3" ht="15" x14ac:dyDescent="0.25">
      <c r="A53" s="6" t="s">
        <v>52</v>
      </c>
      <c r="B53" s="7" t="s">
        <v>130</v>
      </c>
      <c r="C53" s="8" t="s">
        <v>5</v>
      </c>
    </row>
    <row r="54" spans="1:3" ht="15" x14ac:dyDescent="0.25">
      <c r="A54" s="6" t="s">
        <v>52</v>
      </c>
      <c r="B54" s="7" t="s">
        <v>13</v>
      </c>
      <c r="C54" s="8">
        <v>-0.3</v>
      </c>
    </row>
    <row r="55" spans="1:3" ht="15" x14ac:dyDescent="0.25">
      <c r="A55" s="6" t="s">
        <v>52</v>
      </c>
      <c r="B55" s="7" t="s">
        <v>53</v>
      </c>
      <c r="C55" s="8" t="s">
        <v>54</v>
      </c>
    </row>
    <row r="56" spans="1:3" ht="15" x14ac:dyDescent="0.25">
      <c r="A56" s="6" t="s">
        <v>52</v>
      </c>
      <c r="B56" s="7" t="s">
        <v>55</v>
      </c>
      <c r="C56" s="8" t="s">
        <v>5</v>
      </c>
    </row>
    <row r="57" spans="1:3" ht="15" x14ac:dyDescent="0.25">
      <c r="A57" s="6" t="s">
        <v>56</v>
      </c>
      <c r="B57" s="7" t="s">
        <v>11</v>
      </c>
      <c r="C57" s="8" t="s">
        <v>57</v>
      </c>
    </row>
    <row r="58" spans="1:3" ht="15" x14ac:dyDescent="0.25">
      <c r="A58" s="6" t="s">
        <v>56</v>
      </c>
      <c r="B58" s="7" t="s">
        <v>12</v>
      </c>
      <c r="C58" s="8" t="s">
        <v>31</v>
      </c>
    </row>
    <row r="59" spans="1:3" ht="15" x14ac:dyDescent="0.25">
      <c r="A59" s="6" t="s">
        <v>56</v>
      </c>
      <c r="B59" s="7" t="s">
        <v>13</v>
      </c>
      <c r="C59" s="8">
        <v>-0.8</v>
      </c>
    </row>
    <row r="60" spans="1:3" ht="15" x14ac:dyDescent="0.25">
      <c r="A60" s="6" t="s">
        <v>56</v>
      </c>
      <c r="B60" s="7" t="s">
        <v>14</v>
      </c>
      <c r="C60" s="8">
        <v>-0.45</v>
      </c>
    </row>
    <row r="61" spans="1:3" ht="15" x14ac:dyDescent="0.25">
      <c r="A61" s="6" t="s">
        <v>58</v>
      </c>
      <c r="B61" s="7" t="s">
        <v>118</v>
      </c>
      <c r="C61" s="8" t="s">
        <v>35</v>
      </c>
    </row>
    <row r="62" spans="1:3" ht="15" x14ac:dyDescent="0.25">
      <c r="A62" s="6" t="s">
        <v>58</v>
      </c>
      <c r="B62" s="7" t="s">
        <v>119</v>
      </c>
      <c r="C62" s="8" t="s">
        <v>29</v>
      </c>
    </row>
    <row r="63" spans="1:3" ht="15" x14ac:dyDescent="0.25">
      <c r="A63" s="6" t="s">
        <v>58</v>
      </c>
      <c r="B63" s="7" t="s">
        <v>120</v>
      </c>
      <c r="C63" s="8" t="s">
        <v>79</v>
      </c>
    </row>
    <row r="64" spans="1:3" ht="15" x14ac:dyDescent="0.25">
      <c r="A64" s="6" t="s">
        <v>58</v>
      </c>
      <c r="B64" s="7" t="s">
        <v>121</v>
      </c>
      <c r="C64" s="8" t="s">
        <v>24</v>
      </c>
    </row>
    <row r="65" spans="1:3" ht="15" x14ac:dyDescent="0.25">
      <c r="A65" s="6" t="s">
        <v>58</v>
      </c>
      <c r="B65" s="7" t="s">
        <v>59</v>
      </c>
      <c r="C65" s="8" t="s">
        <v>60</v>
      </c>
    </row>
    <row r="66" spans="1:3" ht="15" x14ac:dyDescent="0.25">
      <c r="A66" s="6" t="s">
        <v>58</v>
      </c>
      <c r="B66" s="7" t="s">
        <v>61</v>
      </c>
      <c r="C66" s="8" t="s">
        <v>40</v>
      </c>
    </row>
    <row r="67" spans="1:3" ht="15" x14ac:dyDescent="0.25">
      <c r="A67" s="6" t="s">
        <v>58</v>
      </c>
      <c r="B67" s="7" t="s">
        <v>62</v>
      </c>
      <c r="C67" s="8" t="s">
        <v>92</v>
      </c>
    </row>
    <row r="68" spans="1:3" ht="15" x14ac:dyDescent="0.25">
      <c r="A68" s="6" t="s">
        <v>58</v>
      </c>
      <c r="B68" s="7" t="s">
        <v>64</v>
      </c>
      <c r="C68" s="8" t="s">
        <v>79</v>
      </c>
    </row>
    <row r="69" spans="1:3" ht="15" x14ac:dyDescent="0.25">
      <c r="A69" s="6" t="s">
        <v>58</v>
      </c>
      <c r="B69" s="7" t="s">
        <v>66</v>
      </c>
      <c r="C69" s="8" t="s">
        <v>67</v>
      </c>
    </row>
    <row r="70" spans="1:3" ht="15" x14ac:dyDescent="0.25">
      <c r="A70" s="6" t="s">
        <v>58</v>
      </c>
      <c r="B70" s="7" t="s">
        <v>68</v>
      </c>
      <c r="C70" s="8" t="s">
        <v>71</v>
      </c>
    </row>
    <row r="71" spans="1:3" ht="15" x14ac:dyDescent="0.25">
      <c r="A71" s="6" t="s">
        <v>69</v>
      </c>
      <c r="B71" s="7" t="s">
        <v>104</v>
      </c>
      <c r="C71" s="8" t="s">
        <v>35</v>
      </c>
    </row>
    <row r="72" spans="1:3" ht="15" x14ac:dyDescent="0.25">
      <c r="A72" s="6" t="s">
        <v>69</v>
      </c>
      <c r="B72" s="7" t="s">
        <v>105</v>
      </c>
      <c r="C72" s="8" t="s">
        <v>35</v>
      </c>
    </row>
    <row r="73" spans="1:3" ht="15" x14ac:dyDescent="0.25">
      <c r="A73" s="6" t="s">
        <v>69</v>
      </c>
      <c r="B73" s="7" t="s">
        <v>106</v>
      </c>
      <c r="C73" s="8">
        <v>-0.47</v>
      </c>
    </row>
    <row r="74" spans="1:3" ht="15" x14ac:dyDescent="0.25">
      <c r="A74" s="6" t="s">
        <v>69</v>
      </c>
      <c r="B74" s="7" t="s">
        <v>107</v>
      </c>
      <c r="C74" s="8" t="s">
        <v>35</v>
      </c>
    </row>
    <row r="75" spans="1:3" ht="15" x14ac:dyDescent="0.25">
      <c r="A75" s="6" t="s">
        <v>69</v>
      </c>
      <c r="B75" s="7" t="s">
        <v>14</v>
      </c>
      <c r="C75" s="8">
        <v>-0.12</v>
      </c>
    </row>
    <row r="76" spans="1:3" ht="15" x14ac:dyDescent="0.25">
      <c r="A76" s="6" t="s">
        <v>69</v>
      </c>
      <c r="B76" s="7" t="s">
        <v>11</v>
      </c>
      <c r="C76" s="8" t="s">
        <v>70</v>
      </c>
    </row>
    <row r="77" spans="1:3" ht="15" x14ac:dyDescent="0.25">
      <c r="A77" s="6" t="s">
        <v>69</v>
      </c>
      <c r="B77" s="7" t="s">
        <v>12</v>
      </c>
      <c r="C77" s="8" t="s">
        <v>71</v>
      </c>
    </row>
    <row r="78" spans="1:3" ht="15" x14ac:dyDescent="0.25">
      <c r="A78" s="6" t="s">
        <v>72</v>
      </c>
      <c r="B78" s="7" t="s">
        <v>2</v>
      </c>
      <c r="C78" s="8" t="s">
        <v>3</v>
      </c>
    </row>
    <row r="79" spans="1:3" ht="15" x14ac:dyDescent="0.25">
      <c r="A79" s="6" t="s">
        <v>72</v>
      </c>
      <c r="B79" s="7" t="s">
        <v>4</v>
      </c>
      <c r="C79" s="8" t="s">
        <v>5</v>
      </c>
    </row>
    <row r="80" spans="1:3" ht="15" x14ac:dyDescent="0.25">
      <c r="A80" s="6" t="s">
        <v>72</v>
      </c>
      <c r="B80" s="7" t="s">
        <v>34</v>
      </c>
      <c r="C80" s="8" t="s">
        <v>26</v>
      </c>
    </row>
    <row r="81" spans="1:3" ht="15" x14ac:dyDescent="0.25">
      <c r="A81" s="6" t="s">
        <v>72</v>
      </c>
      <c r="B81" s="7" t="s">
        <v>73</v>
      </c>
      <c r="C81" s="8" t="s">
        <v>5</v>
      </c>
    </row>
    <row r="82" spans="1:3" ht="15" x14ac:dyDescent="0.25">
      <c r="A82" s="6" t="s">
        <v>72</v>
      </c>
      <c r="B82" s="7" t="s">
        <v>108</v>
      </c>
      <c r="C82" s="8" t="s">
        <v>109</v>
      </c>
    </row>
    <row r="83" spans="1:3" ht="15" x14ac:dyDescent="0.25">
      <c r="A83" s="6" t="s">
        <v>72</v>
      </c>
      <c r="B83" s="7" t="s">
        <v>141</v>
      </c>
      <c r="C83" s="8" t="s">
        <v>65</v>
      </c>
    </row>
    <row r="84" spans="1:3" ht="15" x14ac:dyDescent="0.25">
      <c r="A84" s="6" t="s">
        <v>72</v>
      </c>
      <c r="B84" s="7" t="s">
        <v>142</v>
      </c>
      <c r="C84" s="8" t="s">
        <v>75</v>
      </c>
    </row>
    <row r="85" spans="1:3" ht="15" x14ac:dyDescent="0.25">
      <c r="A85" s="6" t="s">
        <v>72</v>
      </c>
      <c r="B85" s="7" t="s">
        <v>143</v>
      </c>
      <c r="C85" s="8" t="s">
        <v>76</v>
      </c>
    </row>
    <row r="86" spans="1:3" ht="15" x14ac:dyDescent="0.25">
      <c r="A86" s="6" t="s">
        <v>72</v>
      </c>
      <c r="B86" s="7" t="s">
        <v>144</v>
      </c>
      <c r="C86" s="8" t="s">
        <v>29</v>
      </c>
    </row>
    <row r="87" spans="1:3" ht="15" x14ac:dyDescent="0.25">
      <c r="A87" s="6" t="s">
        <v>77</v>
      </c>
      <c r="B87" s="7" t="s">
        <v>78</v>
      </c>
      <c r="C87" s="8" t="s">
        <v>79</v>
      </c>
    </row>
    <row r="88" spans="1:3" ht="15" x14ac:dyDescent="0.25">
      <c r="A88" s="6" t="s">
        <v>77</v>
      </c>
      <c r="B88" s="7" t="s">
        <v>11</v>
      </c>
      <c r="C88" s="8" t="s">
        <v>80</v>
      </c>
    </row>
    <row r="89" spans="1:3" ht="15" x14ac:dyDescent="0.25">
      <c r="A89" s="6" t="s">
        <v>77</v>
      </c>
      <c r="B89" s="7" t="s">
        <v>81</v>
      </c>
      <c r="C89" s="8" t="s">
        <v>5</v>
      </c>
    </row>
    <row r="90" spans="1:3" ht="15" x14ac:dyDescent="0.25">
      <c r="A90" s="6" t="s">
        <v>77</v>
      </c>
      <c r="B90" s="7" t="s">
        <v>103</v>
      </c>
      <c r="C90" s="8" t="s">
        <v>35</v>
      </c>
    </row>
    <row r="91" spans="1:3" ht="15" x14ac:dyDescent="0.25">
      <c r="A91" s="6" t="s">
        <v>77</v>
      </c>
      <c r="B91" s="7" t="s">
        <v>82</v>
      </c>
      <c r="C91" s="8" t="s">
        <v>24</v>
      </c>
    </row>
    <row r="92" spans="1:3" ht="15" x14ac:dyDescent="0.25">
      <c r="A92" s="6" t="s">
        <v>83</v>
      </c>
      <c r="B92" s="7" t="s">
        <v>2</v>
      </c>
      <c r="C92" s="8" t="s">
        <v>3</v>
      </c>
    </row>
    <row r="93" spans="1:3" ht="15" x14ac:dyDescent="0.25">
      <c r="A93" s="6" t="s">
        <v>83</v>
      </c>
      <c r="B93" s="7" t="s">
        <v>4</v>
      </c>
      <c r="C93" s="8" t="s">
        <v>5</v>
      </c>
    </row>
    <row r="94" spans="1:3" ht="15" x14ac:dyDescent="0.25">
      <c r="A94" s="6" t="s">
        <v>83</v>
      </c>
      <c r="B94" s="7" t="s">
        <v>99</v>
      </c>
      <c r="C94" s="8" t="s">
        <v>35</v>
      </c>
    </row>
    <row r="95" spans="1:3" ht="15" x14ac:dyDescent="0.25">
      <c r="A95" s="6" t="s">
        <v>83</v>
      </c>
      <c r="B95" s="7" t="s">
        <v>100</v>
      </c>
      <c r="C95" s="8" t="s">
        <v>35</v>
      </c>
    </row>
    <row r="96" spans="1:3" ht="15" x14ac:dyDescent="0.25">
      <c r="A96" s="6" t="s">
        <v>83</v>
      </c>
      <c r="B96" s="7" t="s">
        <v>124</v>
      </c>
      <c r="C96" s="8" t="s">
        <v>76</v>
      </c>
    </row>
    <row r="97" spans="1:3" ht="15" x14ac:dyDescent="0.25">
      <c r="A97" s="6" t="s">
        <v>83</v>
      </c>
      <c r="B97" s="7" t="s">
        <v>125</v>
      </c>
      <c r="C97" s="8" t="s">
        <v>29</v>
      </c>
    </row>
    <row r="98" spans="1:3" ht="15" x14ac:dyDescent="0.25">
      <c r="A98" s="6" t="s">
        <v>83</v>
      </c>
      <c r="B98" s="7" t="s">
        <v>101</v>
      </c>
      <c r="C98" s="8" t="s">
        <v>26</v>
      </c>
    </row>
    <row r="99" spans="1:3" ht="15" x14ac:dyDescent="0.25">
      <c r="A99" s="6" t="s">
        <v>83</v>
      </c>
      <c r="B99" s="7" t="s">
        <v>84</v>
      </c>
      <c r="C99" s="8" t="s">
        <v>26</v>
      </c>
    </row>
    <row r="100" spans="1:3" ht="15" x14ac:dyDescent="0.25">
      <c r="A100" s="6" t="s">
        <v>83</v>
      </c>
      <c r="B100" s="7" t="s">
        <v>126</v>
      </c>
      <c r="C100" s="8" t="s">
        <v>29</v>
      </c>
    </row>
    <row r="101" spans="1:3" ht="15" x14ac:dyDescent="0.25">
      <c r="A101" s="6" t="s">
        <v>83</v>
      </c>
      <c r="B101" s="7" t="s">
        <v>102</v>
      </c>
      <c r="C101" s="8" t="s">
        <v>5</v>
      </c>
    </row>
    <row r="102" spans="1:3" ht="15" x14ac:dyDescent="0.25">
      <c r="A102" s="6" t="s">
        <v>83</v>
      </c>
      <c r="B102" s="7" t="s">
        <v>85</v>
      </c>
      <c r="C102" s="8" t="s">
        <v>5</v>
      </c>
    </row>
    <row r="103" spans="1:3" ht="15" x14ac:dyDescent="0.25">
      <c r="A103" s="6" t="s">
        <v>83</v>
      </c>
      <c r="B103" s="7" t="s">
        <v>127</v>
      </c>
      <c r="C103" s="8" t="s">
        <v>74</v>
      </c>
    </row>
    <row r="104" spans="1:3" ht="15" x14ac:dyDescent="0.25">
      <c r="A104" s="6" t="s">
        <v>83</v>
      </c>
      <c r="B104" s="7" t="s">
        <v>128</v>
      </c>
      <c r="C104" s="8" t="s">
        <v>29</v>
      </c>
    </row>
    <row r="105" spans="1:3" ht="15" x14ac:dyDescent="0.25">
      <c r="A105" s="6" t="s">
        <v>83</v>
      </c>
      <c r="B105" s="7" t="s">
        <v>97</v>
      </c>
      <c r="C105" s="8" t="s">
        <v>26</v>
      </c>
    </row>
    <row r="106" spans="1:3" ht="15" x14ac:dyDescent="0.25">
      <c r="A106" s="6" t="s">
        <v>83</v>
      </c>
      <c r="B106" s="7" t="s">
        <v>98</v>
      </c>
      <c r="C106" s="8" t="s">
        <v>5</v>
      </c>
    </row>
    <row r="107" spans="1:3" ht="15" x14ac:dyDescent="0.25">
      <c r="A107" s="6" t="s">
        <v>83</v>
      </c>
      <c r="B107" s="7" t="s">
        <v>86</v>
      </c>
      <c r="C107" s="8" t="s">
        <v>26</v>
      </c>
    </row>
    <row r="108" spans="1:3" ht="15" x14ac:dyDescent="0.25">
      <c r="A108" s="6" t="s">
        <v>83</v>
      </c>
      <c r="B108" s="7" t="s">
        <v>87</v>
      </c>
      <c r="C108" s="8" t="s">
        <v>5</v>
      </c>
    </row>
    <row r="109" spans="1:3" ht="15" x14ac:dyDescent="0.25">
      <c r="A109" s="6" t="s">
        <v>88</v>
      </c>
      <c r="B109" s="7" t="s">
        <v>89</v>
      </c>
      <c r="C109" s="8" t="s">
        <v>70</v>
      </c>
    </row>
    <row r="110" spans="1:3" ht="15" x14ac:dyDescent="0.25">
      <c r="A110" s="6" t="s">
        <v>88</v>
      </c>
      <c r="B110" s="7" t="s">
        <v>90</v>
      </c>
      <c r="C110" s="8" t="s">
        <v>79</v>
      </c>
    </row>
    <row r="111" spans="1:3" ht="15" x14ac:dyDescent="0.25">
      <c r="A111" s="6" t="s">
        <v>88</v>
      </c>
      <c r="B111" s="7" t="s">
        <v>91</v>
      </c>
      <c r="C111" s="8" t="s">
        <v>92</v>
      </c>
    </row>
    <row r="112" spans="1:3" ht="15" x14ac:dyDescent="0.25">
      <c r="A112" s="6" t="s">
        <v>88</v>
      </c>
      <c r="B112" s="7" t="s">
        <v>93</v>
      </c>
      <c r="C112" s="8" t="s">
        <v>94</v>
      </c>
    </row>
    <row r="113" spans="1:3" ht="15" x14ac:dyDescent="0.25">
      <c r="A113" s="6" t="s">
        <v>95</v>
      </c>
      <c r="B113" s="7" t="s">
        <v>2</v>
      </c>
      <c r="C113" s="8" t="s">
        <v>3</v>
      </c>
    </row>
    <row r="114" spans="1:3" ht="15" x14ac:dyDescent="0.25">
      <c r="A114" s="6" t="s">
        <v>95</v>
      </c>
      <c r="B114" s="7" t="s">
        <v>4</v>
      </c>
      <c r="C114" s="9" t="s">
        <v>5</v>
      </c>
    </row>
    <row r="115" spans="1:3" ht="15" x14ac:dyDescent="0.25">
      <c r="A115" s="6" t="s">
        <v>95</v>
      </c>
      <c r="B115" s="7" t="s">
        <v>117</v>
      </c>
      <c r="C115" s="9">
        <v>-0.4</v>
      </c>
    </row>
    <row r="116" spans="1:3" ht="15" x14ac:dyDescent="0.25">
      <c r="A116" s="3"/>
      <c r="C116" s="2"/>
    </row>
    <row r="119" spans="1:3" ht="15" x14ac:dyDescent="0.25">
      <c r="A119" s="3" t="s">
        <v>14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January</vt:lpstr>
      <vt:lpstr>February</vt:lpstr>
      <vt:lpstr>March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ER</dc:creator>
  <cp:lastModifiedBy>Borsi, David (Finance)</cp:lastModifiedBy>
  <dcterms:created xsi:type="dcterms:W3CDTF">2024-04-08T07:53:23Z</dcterms:created>
  <dcterms:modified xsi:type="dcterms:W3CDTF">2024-04-24T11:37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7f119e6-c6cd-44b0-a5ee-ac1aff68c56e_Enabled">
    <vt:lpwstr>true</vt:lpwstr>
  </property>
  <property fmtid="{D5CDD505-2E9C-101B-9397-08002B2CF9AE}" pid="3" name="MSIP_Label_07f119e6-c6cd-44b0-a5ee-ac1aff68c56e_SetDate">
    <vt:lpwstr>2024-04-09T09:44:22Z</vt:lpwstr>
  </property>
  <property fmtid="{D5CDD505-2E9C-101B-9397-08002B2CF9AE}" pid="4" name="MSIP_Label_07f119e6-c6cd-44b0-a5ee-ac1aff68c56e_Method">
    <vt:lpwstr>Standard</vt:lpwstr>
  </property>
  <property fmtid="{D5CDD505-2E9C-101B-9397-08002B2CF9AE}" pid="5" name="MSIP_Label_07f119e6-c6cd-44b0-a5ee-ac1aff68c56e_Name">
    <vt:lpwstr>Confidential v1</vt:lpwstr>
  </property>
  <property fmtid="{D5CDD505-2E9C-101B-9397-08002B2CF9AE}" pid="6" name="MSIP_Label_07f119e6-c6cd-44b0-a5ee-ac1aff68c56e_SiteId">
    <vt:lpwstr>e29b8111-49f8-418d-ac2a-935335a52614</vt:lpwstr>
  </property>
  <property fmtid="{D5CDD505-2E9C-101B-9397-08002B2CF9AE}" pid="7" name="MSIP_Label_07f119e6-c6cd-44b0-a5ee-ac1aff68c56e_ActionId">
    <vt:lpwstr>6437a960-ce27-495f-9db7-0007834a1f13</vt:lpwstr>
  </property>
  <property fmtid="{D5CDD505-2E9C-101B-9397-08002B2CF9AE}" pid="8" name="MSIP_Label_07f119e6-c6cd-44b0-a5ee-ac1aff68c56e_ContentBits">
    <vt:lpwstr>0</vt:lpwstr>
  </property>
  <property fmtid="{D5CDD505-2E9C-101B-9397-08002B2CF9AE}" pid="9" name="MSDH34TAG">
    <vt:lpwstr>.TEZUF76X5TAHATHESADREYAK-01-CLA190+*93000-10=petenagy,MD=20240412160631/+0200,TC=petenagy,ZZ=000I-2908.</vt:lpwstr>
  </property>
</Properties>
</file>